
<file path=[Content_Types].xml><?xml version="1.0" encoding="utf-8"?>
<Types xmlns="http://schemas.openxmlformats.org/package/2006/content-types">
  <Default Extension="png" ContentType="image/png"/>
  <Default Extension="jpeg" ContentType="image/jpeg"/>
  <Default Extension="xls" ContentType="application/vnd.ms-excel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tags/tag4.xml" ContentType="application/vnd.openxmlformats-officedocument.presentationml.tags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9"/>
  </p:notesMasterIdLst>
  <p:handoutMasterIdLst>
    <p:handoutMasterId r:id="rId10"/>
  </p:handoutMasterIdLst>
  <p:sldIdLst>
    <p:sldId id="485" r:id="rId2"/>
    <p:sldId id="587" r:id="rId3"/>
    <p:sldId id="588" r:id="rId4"/>
    <p:sldId id="578" r:id="rId5"/>
    <p:sldId id="579" r:id="rId6"/>
    <p:sldId id="580" r:id="rId7"/>
    <p:sldId id="589" r:id="rId8"/>
  </p:sldIdLst>
  <p:sldSz cx="9144000" cy="6858000" type="screen4x3"/>
  <p:notesSz cx="6699250" cy="9836150"/>
  <p:custDataLst>
    <p:tags r:id="rId11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319">
          <p15:clr>
            <a:srgbClr val="A4A3A4"/>
          </p15:clr>
        </p15:guide>
        <p15:guide id="2" orient="horz" pos="3197">
          <p15:clr>
            <a:srgbClr val="A4A3A4"/>
          </p15:clr>
        </p15:guide>
        <p15:guide id="3" orient="horz" pos="917">
          <p15:clr>
            <a:srgbClr val="A4A3A4"/>
          </p15:clr>
        </p15:guide>
        <p15:guide id="4" pos="235">
          <p15:clr>
            <a:srgbClr val="A4A3A4"/>
          </p15:clr>
        </p15:guide>
        <p15:guide id="5" pos="550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>
    <p:present/>
    <p:sldAll/>
    <p:penClr>
      <a:schemeClr val="tx1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9513" autoAdjust="0"/>
    <p:restoredTop sz="94900" autoAdjust="0"/>
  </p:normalViewPr>
  <p:slideViewPr>
    <p:cSldViewPr snapToGrid="0">
      <p:cViewPr varScale="1">
        <p:scale>
          <a:sx n="87" d="100"/>
          <a:sy n="87" d="100"/>
        </p:scale>
        <p:origin x="1326" y="72"/>
      </p:cViewPr>
      <p:guideLst>
        <p:guide orient="horz" pos="4319"/>
        <p:guide orient="horz" pos="3197"/>
        <p:guide orient="horz" pos="917"/>
        <p:guide pos="235"/>
        <p:guide pos="550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tags" Target="tags/tag1.xml"/><Relationship Id="rId5" Type="http://schemas.openxmlformats.org/officeDocument/2006/relationships/slide" Target="slides/slide4.xml"/><Relationship Id="rId15" Type="http://schemas.openxmlformats.org/officeDocument/2006/relationships/tableStyles" Target="tableStyles.xml"/><Relationship Id="rId10" Type="http://schemas.openxmlformats.org/officeDocument/2006/relationships/handoutMaster" Target="handoutMasters/handoutMaster1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Relationship Id="rId14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png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fld id="{55999E9D-6D51-4EBC-8DAD-A3BF4FDC975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29480217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10244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noProof="0" smtClean="0"/>
              <a:t>Klicken Sie, um die Formate des Vorlagentextes zu bearbeiten</a:t>
            </a:r>
          </a:p>
          <a:p>
            <a:pPr lvl="1"/>
            <a:r>
              <a:rPr lang="en-GB" noProof="0" smtClean="0"/>
              <a:t>Zweite Ebene</a:t>
            </a:r>
          </a:p>
          <a:p>
            <a:pPr lvl="2"/>
            <a:r>
              <a:rPr lang="en-GB" noProof="0" smtClean="0"/>
              <a:t>Dritte Ebene</a:t>
            </a:r>
          </a:p>
          <a:p>
            <a:pPr lvl="3"/>
            <a:r>
              <a:rPr lang="en-GB" noProof="0" smtClean="0"/>
              <a:t>Vierte Ebene</a:t>
            </a:r>
          </a:p>
          <a:p>
            <a:pPr lvl="4"/>
            <a:r>
              <a:rPr lang="en-GB" noProof="0" smtClean="0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fld id="{39B2171B-3D54-49F4-9539-1CAE2C757E0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198093996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B1752CFA-C365-48FB-ADB1-FD2FE6103123}" type="slidenum">
              <a:rPr lang="en-GB">
                <a:latin typeface="Arial" pitchFamily="34" charset="0"/>
              </a:rPr>
              <a:pPr/>
              <a:t>1</a:t>
            </a:fld>
            <a:endParaRPr lang="en-GB">
              <a:latin typeface="Arial" pitchFamily="34" charset="0"/>
            </a:endParaRPr>
          </a:p>
        </p:txBody>
      </p:sp>
      <p:sp>
        <p:nvSpPr>
          <p:cNvPr id="11267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  <p:sp>
        <p:nvSpPr>
          <p:cNvPr id="11268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367300541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1104DBC4-4D9A-43F8-BC97-020DB07C156D}" type="slidenum">
              <a:rPr lang="en-GB">
                <a:latin typeface="Arial" pitchFamily="34" charset="0"/>
              </a:rPr>
              <a:pPr/>
              <a:t>4</a:t>
            </a:fld>
            <a:endParaRPr lang="en-GB">
              <a:latin typeface="Arial" pitchFamily="34" charset="0"/>
            </a:endParaRPr>
          </a:p>
        </p:txBody>
      </p:sp>
      <p:sp>
        <p:nvSpPr>
          <p:cNvPr id="1229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2292" name="Rectangle 4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2851201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86256BC0-79F7-431E-9227-14CE7F57CD97}" type="slidenum">
              <a:rPr lang="en-GB">
                <a:latin typeface="Arial" pitchFamily="34" charset="0"/>
              </a:rPr>
              <a:pPr/>
              <a:t>5</a:t>
            </a:fld>
            <a:endParaRPr lang="en-GB">
              <a:latin typeface="Arial" pitchFamily="34" charset="0"/>
            </a:endParaRPr>
          </a:p>
        </p:txBody>
      </p:sp>
      <p:sp>
        <p:nvSpPr>
          <p:cNvPr id="1331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331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911908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908DC613-F43A-4921-BB0F-4333B634170A}" type="slidenum">
              <a:rPr lang="en-GB">
                <a:latin typeface="Arial" pitchFamily="34" charset="0"/>
              </a:rPr>
              <a:pPr/>
              <a:t>6</a:t>
            </a:fld>
            <a:endParaRPr lang="en-GB">
              <a:latin typeface="Arial" pitchFamily="34" charset="0"/>
            </a:endParaRPr>
          </a:p>
        </p:txBody>
      </p:sp>
      <p:sp>
        <p:nvSpPr>
          <p:cNvPr id="1433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434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5355430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C965808F-B6CB-46CB-96E7-9AF326618221}" type="slidenum">
              <a:rPr lang="en-GB">
                <a:solidFill>
                  <a:srgbClr val="000000"/>
                </a:solidFill>
                <a:latin typeface="Arial" pitchFamily="34" charset="0"/>
              </a:rPr>
              <a:pPr/>
              <a:t>7</a:t>
            </a:fld>
            <a:endParaRPr lang="en-GB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15363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  <p:sp>
        <p:nvSpPr>
          <p:cNvPr id="15364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350254041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êu đề bản chiếu">
    <p:bg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êu đề và Văn bản dọ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50FB75E-81F0-4B3B-8D2E-5F9DC943C58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iêu đề dọc và Văn bả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Dọc 1"/>
          <p:cNvSpPr>
            <a:spLocks noGrp="1"/>
          </p:cNvSpPr>
          <p:nvPr>
            <p:ph type="title" orient="vert"/>
          </p:nvPr>
        </p:nvSpPr>
        <p:spPr>
          <a:xfrm>
            <a:off x="6711950" y="250825"/>
            <a:ext cx="2132013" cy="5000625"/>
          </a:xfrm>
        </p:spPr>
        <p:txBody>
          <a:bodyPr vert="eaVert"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>
          <a:xfrm>
            <a:off x="314325" y="250825"/>
            <a:ext cx="6245225" cy="5000625"/>
          </a:xfrm>
        </p:spPr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427A01C3-1722-4739-A0FE-714AD893A92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êu đề và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D437A68-E703-466B-85A0-753D77862FA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Đầu trang của Phầ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0D0D72F0-7165-4984-AC72-519188B2AF8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Hai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sz="half" idx="1"/>
          </p:nvPr>
        </p:nvSpPr>
        <p:spPr>
          <a:xfrm>
            <a:off x="319088" y="1374775"/>
            <a:ext cx="4186237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657725" y="1374775"/>
            <a:ext cx="4186238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51D7F5EC-D112-4325-B184-13907574258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Phép so sán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Chỗ dành sẵn cho Văn bản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6" name="Chỗ dành sẵn cho Nội dung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0B0BFCE-74AC-4EB7-961E-4DC11686CD4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hỉ Tiêu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A3DC13E8-224F-4A68-9084-F7A0DEF159D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Trố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BEDABA4-1336-442B-8D3E-B313EE2739C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Nội dung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BF74A30D-4AD8-4441-BFAF-34529C0AFA6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Ảnh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Hình ảnh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688673E-8629-435C-B6A9-35C28234F08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250825"/>
            <a:ext cx="8515350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de-DE" smtClean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374775"/>
            <a:ext cx="8524875" cy="3876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85750" y="6167438"/>
            <a:ext cx="3048000" cy="247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 smtClean="0">
                <a:solidFill>
                  <a:srgbClr val="4F4F4F"/>
                </a:solidFill>
                <a:latin typeface="Arial" charset="0"/>
              </a:defRPr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23074D8-5AE3-4C96-9B91-3AA2AEBE64C9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4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ransition spd="med">
    <p:wipe dir="r"/>
  </p:transition>
  <p:hf sldNum="0"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2pPr>
      <a:lvl3pPr marL="561975" indent="-179388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3pPr>
      <a:lvl4pPr marL="752475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4pPr>
      <a:lvl5pPr marL="962025" indent="-20796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5pPr>
      <a:lvl6pPr marL="14192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6pPr>
      <a:lvl7pPr marL="18764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7pPr>
      <a:lvl8pPr marL="23336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8pPr>
      <a:lvl9pPr marL="27908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4" Type="http://schemas.openxmlformats.org/officeDocument/2006/relationships/image" Target="../media/image5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4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6.png"/><Relationship Id="rId5" Type="http://schemas.openxmlformats.org/officeDocument/2006/relationships/oleObject" Target="../embeddings/Microsoft_Excel_97-2003_Worksheet1.xls"/><Relationship Id="rId4" Type="http://schemas.openxmlformats.org/officeDocument/2006/relationships/notesSlide" Target="../notesSlides/notesSlide4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1491343" y="2629580"/>
            <a:ext cx="6063343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algn="ctr" eaLnBrk="1" hangingPunct="1">
              <a:buFont typeface="Wingdings" pitchFamily="2" charset="2"/>
              <a:buNone/>
              <a:defRPr/>
            </a:pPr>
            <a:r>
              <a:rPr lang="en-US" sz="40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“SLIDE POWERPOINT"</a:t>
            </a:r>
            <a:endParaRPr lang="en-US" sz="40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27085" y="1007748"/>
            <a:ext cx="1828571" cy="1142857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</p:spPr>
      </p:pic>
      <p:sp>
        <p:nvSpPr>
          <p:cNvPr id="3" name="TextBox 2"/>
          <p:cNvSpPr txBox="1"/>
          <p:nvPr/>
        </p:nvSpPr>
        <p:spPr>
          <a:xfrm>
            <a:off x="3037115" y="3309259"/>
            <a:ext cx="271054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>
                    <a:lumMod val="60000"/>
                    <a:lumOff val="40000"/>
                  </a:schemeClr>
                </a:solidFill>
              </a:rPr>
              <a:t>http://blogcongdong.com</a:t>
            </a:r>
            <a:endParaRPr lang="en-US" dirty="0">
              <a:solidFill>
                <a:schemeClr val="bg1">
                  <a:lumMod val="60000"/>
                  <a:lumOff val="4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17"/>
          <p:cNvGrpSpPr>
            <a:grpSpLocks/>
          </p:cNvGrpSpPr>
          <p:nvPr/>
        </p:nvGrpSpPr>
        <p:grpSpPr bwMode="auto">
          <a:xfrm>
            <a:off x="4718050" y="1219200"/>
            <a:ext cx="3390900" cy="2197100"/>
            <a:chOff x="4457700" y="1966913"/>
            <a:chExt cx="3390900" cy="2197100"/>
          </a:xfrm>
        </p:grpSpPr>
        <p:pic>
          <p:nvPicPr>
            <p:cNvPr id="4106" name="Picture 4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4457700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7" name="Text Box 8"/>
            <p:cNvSpPr txBox="1">
              <a:spLocks noChangeArrowheads="1"/>
            </p:cNvSpPr>
            <p:nvPr/>
          </p:nvSpPr>
          <p:spPr bwMode="auto">
            <a:xfrm>
              <a:off x="4979988" y="2295525"/>
              <a:ext cx="2459037" cy="4616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/>
              <a:r>
                <a:rPr lang="en-US" sz="2400" b="1">
                  <a:solidFill>
                    <a:srgbClr val="FFFFFF"/>
                  </a:solidFill>
                  <a:cs typeface="Arial" pitchFamily="34" charset="0"/>
                </a:rPr>
                <a:t>Thêm chữ</a:t>
              </a:r>
            </a:p>
          </p:txBody>
        </p:sp>
        <p:sp>
          <p:nvSpPr>
            <p:cNvPr id="4108" name="Text Box 9"/>
            <p:cNvSpPr txBox="1">
              <a:spLocks noChangeArrowheads="1"/>
            </p:cNvSpPr>
            <p:nvPr/>
          </p:nvSpPr>
          <p:spPr bwMode="auto">
            <a:xfrm>
              <a:off x="4910138" y="2840038"/>
              <a:ext cx="2390775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</p:txBody>
        </p:sp>
      </p:grpSp>
      <p:grpSp>
        <p:nvGrpSpPr>
          <p:cNvPr id="9" name="Group 16"/>
          <p:cNvGrpSpPr>
            <a:grpSpLocks/>
          </p:cNvGrpSpPr>
          <p:nvPr/>
        </p:nvGrpSpPr>
        <p:grpSpPr bwMode="auto">
          <a:xfrm>
            <a:off x="903288" y="1219200"/>
            <a:ext cx="3390900" cy="2197100"/>
            <a:chOff x="1190625" y="1966913"/>
            <a:chExt cx="3390900" cy="2197100"/>
          </a:xfrm>
        </p:grpSpPr>
        <p:pic>
          <p:nvPicPr>
            <p:cNvPr id="4103" name="Picture 6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1190625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4" name="Text Box 13"/>
            <p:cNvSpPr txBox="1">
              <a:spLocks noChangeArrowheads="1"/>
            </p:cNvSpPr>
            <p:nvPr/>
          </p:nvSpPr>
          <p:spPr bwMode="auto">
            <a:xfrm>
              <a:off x="1695450" y="2295525"/>
              <a:ext cx="2362200" cy="4572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/>
              <a:r>
                <a:rPr lang="en-US" sz="2400" b="1">
                  <a:solidFill>
                    <a:srgbClr val="FFFFFF"/>
                  </a:solidFill>
                  <a:cs typeface="Arial" pitchFamily="34" charset="0"/>
                </a:rPr>
                <a:t>Thêm chữ</a:t>
              </a:r>
            </a:p>
          </p:txBody>
        </p:sp>
        <p:sp>
          <p:nvSpPr>
            <p:cNvPr id="4105" name="Text Box 14"/>
            <p:cNvSpPr txBox="1">
              <a:spLocks noChangeArrowheads="1"/>
            </p:cNvSpPr>
            <p:nvPr/>
          </p:nvSpPr>
          <p:spPr bwMode="auto">
            <a:xfrm>
              <a:off x="1662113" y="2840038"/>
              <a:ext cx="2406650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</p:txBody>
        </p:sp>
      </p:grpSp>
      <p:grpSp>
        <p:nvGrpSpPr>
          <p:cNvPr id="13" name="Nhóm 12"/>
          <p:cNvGrpSpPr/>
          <p:nvPr/>
        </p:nvGrpSpPr>
        <p:grpSpPr>
          <a:xfrm>
            <a:off x="748755" y="4054759"/>
            <a:ext cx="7675227" cy="1655762"/>
            <a:chOff x="466725" y="2170113"/>
            <a:chExt cx="8175625" cy="1763712"/>
          </a:xfrm>
          <a:solidFill>
            <a:schemeClr val="accent2"/>
          </a:solidFill>
        </p:grpSpPr>
        <p:sp>
          <p:nvSpPr>
            <p:cNvPr id="14" name="Freeform 5"/>
            <p:cNvSpPr>
              <a:spLocks noEditPoints="1"/>
            </p:cNvSpPr>
            <p:nvPr/>
          </p:nvSpPr>
          <p:spPr bwMode="auto">
            <a:xfrm>
              <a:off x="7013575" y="2455863"/>
              <a:ext cx="1628775" cy="1477962"/>
            </a:xfrm>
            <a:custGeom>
              <a:avLst/>
              <a:gdLst>
                <a:gd name="T0" fmla="*/ 1445 w 1458"/>
                <a:gd name="T1" fmla="*/ 1271 h 1323"/>
                <a:gd name="T2" fmla="*/ 1438 w 1458"/>
                <a:gd name="T3" fmla="*/ 1237 h 1323"/>
                <a:gd name="T4" fmla="*/ 1417 w 1458"/>
                <a:gd name="T5" fmla="*/ 1193 h 1323"/>
                <a:gd name="T6" fmla="*/ 1380 w 1458"/>
                <a:gd name="T7" fmla="*/ 1149 h 1323"/>
                <a:gd name="T8" fmla="*/ 1335 w 1458"/>
                <a:gd name="T9" fmla="*/ 1116 h 1323"/>
                <a:gd name="T10" fmla="*/ 1307 w 1458"/>
                <a:gd name="T11" fmla="*/ 1106 h 1323"/>
                <a:gd name="T12" fmla="*/ 1243 w 1458"/>
                <a:gd name="T13" fmla="*/ 1071 h 1323"/>
                <a:gd name="T14" fmla="*/ 1139 w 1458"/>
                <a:gd name="T15" fmla="*/ 1021 h 1323"/>
                <a:gd name="T16" fmla="*/ 1066 w 1458"/>
                <a:gd name="T17" fmla="*/ 986 h 1323"/>
                <a:gd name="T18" fmla="*/ 1003 w 1458"/>
                <a:gd name="T19" fmla="*/ 928 h 1323"/>
                <a:gd name="T20" fmla="*/ 989 w 1458"/>
                <a:gd name="T21" fmla="*/ 847 h 1323"/>
                <a:gd name="T22" fmla="*/ 1017 w 1458"/>
                <a:gd name="T23" fmla="*/ 779 h 1323"/>
                <a:gd name="T24" fmla="*/ 1055 w 1458"/>
                <a:gd name="T25" fmla="*/ 709 h 1323"/>
                <a:gd name="T26" fmla="*/ 1123 w 1458"/>
                <a:gd name="T27" fmla="*/ 574 h 1323"/>
                <a:gd name="T28" fmla="*/ 1132 w 1458"/>
                <a:gd name="T29" fmla="*/ 509 h 1323"/>
                <a:gd name="T30" fmla="*/ 1116 w 1458"/>
                <a:gd name="T31" fmla="*/ 417 h 1323"/>
                <a:gd name="T32" fmla="*/ 1122 w 1458"/>
                <a:gd name="T33" fmla="*/ 285 h 1323"/>
                <a:gd name="T34" fmla="*/ 1111 w 1458"/>
                <a:gd name="T35" fmla="*/ 224 h 1323"/>
                <a:gd name="T36" fmla="*/ 1080 w 1458"/>
                <a:gd name="T37" fmla="*/ 145 h 1323"/>
                <a:gd name="T38" fmla="*/ 1042 w 1458"/>
                <a:gd name="T39" fmla="*/ 116 h 1323"/>
                <a:gd name="T40" fmla="*/ 1012 w 1458"/>
                <a:gd name="T41" fmla="*/ 90 h 1323"/>
                <a:gd name="T42" fmla="*/ 985 w 1458"/>
                <a:gd name="T43" fmla="*/ 71 h 1323"/>
                <a:gd name="T44" fmla="*/ 962 w 1458"/>
                <a:gd name="T45" fmla="*/ 49 h 1323"/>
                <a:gd name="T46" fmla="*/ 921 w 1458"/>
                <a:gd name="T47" fmla="*/ 13 h 1323"/>
                <a:gd name="T48" fmla="*/ 881 w 1458"/>
                <a:gd name="T49" fmla="*/ 11 h 1323"/>
                <a:gd name="T50" fmla="*/ 857 w 1458"/>
                <a:gd name="T51" fmla="*/ 3 h 1323"/>
                <a:gd name="T52" fmla="*/ 823 w 1458"/>
                <a:gd name="T53" fmla="*/ 3 h 1323"/>
                <a:gd name="T54" fmla="*/ 789 w 1458"/>
                <a:gd name="T55" fmla="*/ 5 h 1323"/>
                <a:gd name="T56" fmla="*/ 733 w 1458"/>
                <a:gd name="T57" fmla="*/ 10 h 1323"/>
                <a:gd name="T58" fmla="*/ 701 w 1458"/>
                <a:gd name="T59" fmla="*/ 9 h 1323"/>
                <a:gd name="T60" fmla="*/ 644 w 1458"/>
                <a:gd name="T61" fmla="*/ 30 h 1323"/>
                <a:gd name="T62" fmla="*/ 626 w 1458"/>
                <a:gd name="T63" fmla="*/ 38 h 1323"/>
                <a:gd name="T64" fmla="*/ 597 w 1458"/>
                <a:gd name="T65" fmla="*/ 52 h 1323"/>
                <a:gd name="T66" fmla="*/ 570 w 1458"/>
                <a:gd name="T67" fmla="*/ 78 h 1323"/>
                <a:gd name="T68" fmla="*/ 533 w 1458"/>
                <a:gd name="T69" fmla="*/ 102 h 1323"/>
                <a:gd name="T70" fmla="*/ 501 w 1458"/>
                <a:gd name="T71" fmla="*/ 149 h 1323"/>
                <a:gd name="T72" fmla="*/ 483 w 1458"/>
                <a:gd name="T73" fmla="*/ 155 h 1323"/>
                <a:gd name="T74" fmla="*/ 451 w 1458"/>
                <a:gd name="T75" fmla="*/ 183 h 1323"/>
                <a:gd name="T76" fmla="*/ 435 w 1458"/>
                <a:gd name="T77" fmla="*/ 243 h 1323"/>
                <a:gd name="T78" fmla="*/ 427 w 1458"/>
                <a:gd name="T79" fmla="*/ 264 h 1323"/>
                <a:gd name="T80" fmla="*/ 429 w 1458"/>
                <a:gd name="T81" fmla="*/ 295 h 1323"/>
                <a:gd name="T82" fmla="*/ 440 w 1458"/>
                <a:gd name="T83" fmla="*/ 361 h 1323"/>
                <a:gd name="T84" fmla="*/ 454 w 1458"/>
                <a:gd name="T85" fmla="*/ 420 h 1323"/>
                <a:gd name="T86" fmla="*/ 452 w 1458"/>
                <a:gd name="T87" fmla="*/ 509 h 1323"/>
                <a:gd name="T88" fmla="*/ 457 w 1458"/>
                <a:gd name="T89" fmla="*/ 615 h 1323"/>
                <a:gd name="T90" fmla="*/ 484 w 1458"/>
                <a:gd name="T91" fmla="*/ 678 h 1323"/>
                <a:gd name="T92" fmla="*/ 533 w 1458"/>
                <a:gd name="T93" fmla="*/ 736 h 1323"/>
                <a:gd name="T94" fmla="*/ 551 w 1458"/>
                <a:gd name="T95" fmla="*/ 795 h 1323"/>
                <a:gd name="T96" fmla="*/ 578 w 1458"/>
                <a:gd name="T97" fmla="*/ 864 h 1323"/>
                <a:gd name="T98" fmla="*/ 549 w 1458"/>
                <a:gd name="T99" fmla="*/ 917 h 1323"/>
                <a:gd name="T100" fmla="*/ 498 w 1458"/>
                <a:gd name="T101" fmla="*/ 951 h 1323"/>
                <a:gd name="T102" fmla="*/ 463 w 1458"/>
                <a:gd name="T103" fmla="*/ 965 h 1323"/>
                <a:gd name="T104" fmla="*/ 425 w 1458"/>
                <a:gd name="T105" fmla="*/ 974 h 1323"/>
                <a:gd name="T106" fmla="*/ 357 w 1458"/>
                <a:gd name="T107" fmla="*/ 1009 h 1323"/>
                <a:gd name="T108" fmla="*/ 319 w 1458"/>
                <a:gd name="T109" fmla="*/ 1028 h 1323"/>
                <a:gd name="T110" fmla="*/ 272 w 1458"/>
                <a:gd name="T111" fmla="*/ 1051 h 1323"/>
                <a:gd name="T112" fmla="*/ 195 w 1458"/>
                <a:gd name="T113" fmla="*/ 1083 h 1323"/>
                <a:gd name="T114" fmla="*/ 126 w 1458"/>
                <a:gd name="T115" fmla="*/ 1126 h 1323"/>
                <a:gd name="T116" fmla="*/ 81 w 1458"/>
                <a:gd name="T117" fmla="*/ 1185 h 1323"/>
                <a:gd name="T118" fmla="*/ 36 w 1458"/>
                <a:gd name="T119" fmla="*/ 1242 h 1323"/>
                <a:gd name="T120" fmla="*/ 1456 w 1458"/>
                <a:gd name="T121" fmla="*/ 1316 h 1323"/>
                <a:gd name="T122" fmla="*/ 550 w 1458"/>
                <a:gd name="T123" fmla="*/ 787 h 1323"/>
                <a:gd name="T124" fmla="*/ 578 w 1458"/>
                <a:gd name="T125" fmla="*/ 847 h 13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458" h="1323">
                  <a:moveTo>
                    <a:pt x="1456" y="1316"/>
                  </a:moveTo>
                  <a:lnTo>
                    <a:pt x="1456" y="1316"/>
                  </a:lnTo>
                  <a:lnTo>
                    <a:pt x="1454" y="1313"/>
                  </a:lnTo>
                  <a:lnTo>
                    <a:pt x="1454" y="1313"/>
                  </a:lnTo>
                  <a:lnTo>
                    <a:pt x="1452" y="1306"/>
                  </a:lnTo>
                  <a:lnTo>
                    <a:pt x="1452" y="1306"/>
                  </a:lnTo>
                  <a:lnTo>
                    <a:pt x="1452" y="1302"/>
                  </a:lnTo>
                  <a:lnTo>
                    <a:pt x="1452" y="1302"/>
                  </a:lnTo>
                  <a:lnTo>
                    <a:pt x="1452" y="1294"/>
                  </a:lnTo>
                  <a:lnTo>
                    <a:pt x="1452" y="1294"/>
                  </a:lnTo>
                  <a:lnTo>
                    <a:pt x="1452" y="1291"/>
                  </a:lnTo>
                  <a:lnTo>
                    <a:pt x="1452" y="1291"/>
                  </a:lnTo>
                  <a:lnTo>
                    <a:pt x="1451" y="1286"/>
                  </a:lnTo>
                  <a:lnTo>
                    <a:pt x="1451" y="1283"/>
                  </a:lnTo>
                  <a:lnTo>
                    <a:pt x="1451" y="1283"/>
                  </a:lnTo>
                  <a:lnTo>
                    <a:pt x="1450" y="1278"/>
                  </a:lnTo>
                  <a:lnTo>
                    <a:pt x="1449" y="1275"/>
                  </a:lnTo>
                  <a:lnTo>
                    <a:pt x="1449" y="1275"/>
                  </a:lnTo>
                  <a:lnTo>
                    <a:pt x="1449" y="1273"/>
                  </a:lnTo>
                  <a:lnTo>
                    <a:pt x="1449" y="1271"/>
                  </a:lnTo>
                  <a:lnTo>
                    <a:pt x="1449" y="1271"/>
                  </a:lnTo>
                  <a:lnTo>
                    <a:pt x="1447" y="1270"/>
                  </a:lnTo>
                  <a:lnTo>
                    <a:pt x="1446" y="1268"/>
                  </a:lnTo>
                  <a:lnTo>
                    <a:pt x="1446" y="1268"/>
                  </a:lnTo>
                  <a:lnTo>
                    <a:pt x="1445" y="1271"/>
                  </a:lnTo>
                  <a:lnTo>
                    <a:pt x="1445" y="1271"/>
                  </a:lnTo>
                  <a:lnTo>
                    <a:pt x="1443" y="1268"/>
                  </a:lnTo>
                  <a:lnTo>
                    <a:pt x="1443" y="1268"/>
                  </a:lnTo>
                  <a:lnTo>
                    <a:pt x="1443" y="1264"/>
                  </a:lnTo>
                  <a:lnTo>
                    <a:pt x="1443" y="1264"/>
                  </a:lnTo>
                  <a:lnTo>
                    <a:pt x="1446" y="1264"/>
                  </a:lnTo>
                  <a:lnTo>
                    <a:pt x="1446" y="1264"/>
                  </a:lnTo>
                  <a:lnTo>
                    <a:pt x="1447" y="1261"/>
                  </a:lnTo>
                  <a:lnTo>
                    <a:pt x="1447" y="1261"/>
                  </a:lnTo>
                  <a:lnTo>
                    <a:pt x="1447" y="1257"/>
                  </a:lnTo>
                  <a:lnTo>
                    <a:pt x="1446" y="1254"/>
                  </a:lnTo>
                  <a:lnTo>
                    <a:pt x="1446" y="1254"/>
                  </a:lnTo>
                  <a:lnTo>
                    <a:pt x="1445" y="1254"/>
                  </a:lnTo>
                  <a:lnTo>
                    <a:pt x="1443" y="1254"/>
                  </a:lnTo>
                  <a:lnTo>
                    <a:pt x="1443" y="1254"/>
                  </a:lnTo>
                  <a:lnTo>
                    <a:pt x="1442" y="1255"/>
                  </a:lnTo>
                  <a:lnTo>
                    <a:pt x="1442" y="1255"/>
                  </a:lnTo>
                  <a:lnTo>
                    <a:pt x="1442" y="1252"/>
                  </a:lnTo>
                  <a:lnTo>
                    <a:pt x="1442" y="1252"/>
                  </a:lnTo>
                  <a:lnTo>
                    <a:pt x="1442" y="1248"/>
                  </a:lnTo>
                  <a:lnTo>
                    <a:pt x="1441" y="1246"/>
                  </a:lnTo>
                  <a:lnTo>
                    <a:pt x="1441" y="1246"/>
                  </a:lnTo>
                  <a:lnTo>
                    <a:pt x="1441" y="1243"/>
                  </a:lnTo>
                  <a:lnTo>
                    <a:pt x="1441" y="1243"/>
                  </a:lnTo>
                  <a:lnTo>
                    <a:pt x="1438" y="1237"/>
                  </a:lnTo>
                  <a:lnTo>
                    <a:pt x="1438" y="1237"/>
                  </a:lnTo>
                  <a:lnTo>
                    <a:pt x="1437" y="1229"/>
                  </a:lnTo>
                  <a:lnTo>
                    <a:pt x="1437" y="1229"/>
                  </a:lnTo>
                  <a:lnTo>
                    <a:pt x="1435" y="1225"/>
                  </a:lnTo>
                  <a:lnTo>
                    <a:pt x="1435" y="1225"/>
                  </a:lnTo>
                  <a:lnTo>
                    <a:pt x="1433" y="1219"/>
                  </a:lnTo>
                  <a:lnTo>
                    <a:pt x="1433" y="1219"/>
                  </a:lnTo>
                  <a:lnTo>
                    <a:pt x="1431" y="1216"/>
                  </a:lnTo>
                  <a:lnTo>
                    <a:pt x="1430" y="1214"/>
                  </a:lnTo>
                  <a:lnTo>
                    <a:pt x="1430" y="1214"/>
                  </a:lnTo>
                  <a:lnTo>
                    <a:pt x="1429" y="1212"/>
                  </a:lnTo>
                  <a:lnTo>
                    <a:pt x="1429" y="1212"/>
                  </a:lnTo>
                  <a:lnTo>
                    <a:pt x="1427" y="1205"/>
                  </a:lnTo>
                  <a:lnTo>
                    <a:pt x="1427" y="1205"/>
                  </a:lnTo>
                  <a:lnTo>
                    <a:pt x="1425" y="1199"/>
                  </a:lnTo>
                  <a:lnTo>
                    <a:pt x="1425" y="1199"/>
                  </a:lnTo>
                  <a:lnTo>
                    <a:pt x="1422" y="1198"/>
                  </a:lnTo>
                  <a:lnTo>
                    <a:pt x="1421" y="1197"/>
                  </a:lnTo>
                  <a:lnTo>
                    <a:pt x="1421" y="1197"/>
                  </a:lnTo>
                  <a:lnTo>
                    <a:pt x="1421" y="1198"/>
                  </a:lnTo>
                  <a:lnTo>
                    <a:pt x="1420" y="1198"/>
                  </a:lnTo>
                  <a:lnTo>
                    <a:pt x="1420" y="1198"/>
                  </a:lnTo>
                  <a:lnTo>
                    <a:pt x="1418" y="1196"/>
                  </a:lnTo>
                  <a:lnTo>
                    <a:pt x="1418" y="1196"/>
                  </a:lnTo>
                  <a:lnTo>
                    <a:pt x="1417" y="1193"/>
                  </a:lnTo>
                  <a:lnTo>
                    <a:pt x="1417" y="1193"/>
                  </a:lnTo>
                  <a:lnTo>
                    <a:pt x="1413" y="1189"/>
                  </a:lnTo>
                  <a:lnTo>
                    <a:pt x="1413" y="1189"/>
                  </a:lnTo>
                  <a:lnTo>
                    <a:pt x="1412" y="1188"/>
                  </a:lnTo>
                  <a:lnTo>
                    <a:pt x="1412" y="1188"/>
                  </a:lnTo>
                  <a:lnTo>
                    <a:pt x="1408" y="1181"/>
                  </a:lnTo>
                  <a:lnTo>
                    <a:pt x="1408" y="1181"/>
                  </a:lnTo>
                  <a:lnTo>
                    <a:pt x="1402" y="1175"/>
                  </a:lnTo>
                  <a:lnTo>
                    <a:pt x="1398" y="1170"/>
                  </a:lnTo>
                  <a:lnTo>
                    <a:pt x="1398" y="1170"/>
                  </a:lnTo>
                  <a:lnTo>
                    <a:pt x="1398" y="1169"/>
                  </a:lnTo>
                  <a:lnTo>
                    <a:pt x="1398" y="1169"/>
                  </a:lnTo>
                  <a:lnTo>
                    <a:pt x="1396" y="1166"/>
                  </a:lnTo>
                  <a:lnTo>
                    <a:pt x="1396" y="1166"/>
                  </a:lnTo>
                  <a:lnTo>
                    <a:pt x="1392" y="1163"/>
                  </a:lnTo>
                  <a:lnTo>
                    <a:pt x="1392" y="1163"/>
                  </a:lnTo>
                  <a:lnTo>
                    <a:pt x="1389" y="1158"/>
                  </a:lnTo>
                  <a:lnTo>
                    <a:pt x="1389" y="1158"/>
                  </a:lnTo>
                  <a:lnTo>
                    <a:pt x="1383" y="1152"/>
                  </a:lnTo>
                  <a:lnTo>
                    <a:pt x="1383" y="1152"/>
                  </a:lnTo>
                  <a:lnTo>
                    <a:pt x="1378" y="1148"/>
                  </a:lnTo>
                  <a:lnTo>
                    <a:pt x="1378" y="1148"/>
                  </a:lnTo>
                  <a:lnTo>
                    <a:pt x="1375" y="1146"/>
                  </a:lnTo>
                  <a:lnTo>
                    <a:pt x="1375" y="1146"/>
                  </a:lnTo>
                  <a:lnTo>
                    <a:pt x="1380" y="1149"/>
                  </a:lnTo>
                  <a:lnTo>
                    <a:pt x="1380" y="1149"/>
                  </a:lnTo>
                  <a:lnTo>
                    <a:pt x="1378" y="1145"/>
                  </a:lnTo>
                  <a:lnTo>
                    <a:pt x="1378" y="1145"/>
                  </a:lnTo>
                  <a:lnTo>
                    <a:pt x="1377" y="1144"/>
                  </a:lnTo>
                  <a:lnTo>
                    <a:pt x="1377" y="1144"/>
                  </a:lnTo>
                  <a:lnTo>
                    <a:pt x="1373" y="1140"/>
                  </a:lnTo>
                  <a:lnTo>
                    <a:pt x="1373" y="1140"/>
                  </a:lnTo>
                  <a:lnTo>
                    <a:pt x="1372" y="1138"/>
                  </a:lnTo>
                  <a:lnTo>
                    <a:pt x="1372" y="1138"/>
                  </a:lnTo>
                  <a:lnTo>
                    <a:pt x="1369" y="1136"/>
                  </a:lnTo>
                  <a:lnTo>
                    <a:pt x="1369" y="1136"/>
                  </a:lnTo>
                  <a:lnTo>
                    <a:pt x="1364" y="1135"/>
                  </a:lnTo>
                  <a:lnTo>
                    <a:pt x="1364" y="1135"/>
                  </a:lnTo>
                  <a:lnTo>
                    <a:pt x="1356" y="1130"/>
                  </a:lnTo>
                  <a:lnTo>
                    <a:pt x="1356" y="1130"/>
                  </a:lnTo>
                  <a:lnTo>
                    <a:pt x="1354" y="1128"/>
                  </a:lnTo>
                  <a:lnTo>
                    <a:pt x="1352" y="1126"/>
                  </a:lnTo>
                  <a:lnTo>
                    <a:pt x="1352" y="1126"/>
                  </a:lnTo>
                  <a:lnTo>
                    <a:pt x="1348" y="1125"/>
                  </a:lnTo>
                  <a:lnTo>
                    <a:pt x="1348" y="1125"/>
                  </a:lnTo>
                  <a:lnTo>
                    <a:pt x="1343" y="1120"/>
                  </a:lnTo>
                  <a:lnTo>
                    <a:pt x="1343" y="1120"/>
                  </a:lnTo>
                  <a:lnTo>
                    <a:pt x="1339" y="1118"/>
                  </a:lnTo>
                  <a:lnTo>
                    <a:pt x="1335" y="1116"/>
                  </a:lnTo>
                  <a:lnTo>
                    <a:pt x="1335" y="1116"/>
                  </a:lnTo>
                  <a:lnTo>
                    <a:pt x="1333" y="1115"/>
                  </a:lnTo>
                  <a:lnTo>
                    <a:pt x="1331" y="1115"/>
                  </a:lnTo>
                  <a:lnTo>
                    <a:pt x="1327" y="1113"/>
                  </a:lnTo>
                  <a:lnTo>
                    <a:pt x="1327" y="1113"/>
                  </a:lnTo>
                  <a:lnTo>
                    <a:pt x="1326" y="1112"/>
                  </a:lnTo>
                  <a:lnTo>
                    <a:pt x="1325" y="1110"/>
                  </a:lnTo>
                  <a:lnTo>
                    <a:pt x="1325" y="1110"/>
                  </a:lnTo>
                  <a:lnTo>
                    <a:pt x="1323" y="1109"/>
                  </a:lnTo>
                  <a:lnTo>
                    <a:pt x="1321" y="1109"/>
                  </a:lnTo>
                  <a:lnTo>
                    <a:pt x="1321" y="1109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7"/>
                  </a:lnTo>
                  <a:lnTo>
                    <a:pt x="1316" y="1107"/>
                  </a:lnTo>
                  <a:lnTo>
                    <a:pt x="1315" y="1107"/>
                  </a:lnTo>
                  <a:lnTo>
                    <a:pt x="1314" y="1106"/>
                  </a:lnTo>
                  <a:lnTo>
                    <a:pt x="1314" y="1106"/>
                  </a:lnTo>
                  <a:lnTo>
                    <a:pt x="1313" y="1102"/>
                  </a:lnTo>
                  <a:lnTo>
                    <a:pt x="1313" y="1102"/>
                  </a:lnTo>
                  <a:lnTo>
                    <a:pt x="1310" y="1106"/>
                  </a:lnTo>
                  <a:lnTo>
                    <a:pt x="1307" y="1107"/>
                  </a:lnTo>
                  <a:lnTo>
                    <a:pt x="1307" y="1107"/>
                  </a:lnTo>
                  <a:lnTo>
                    <a:pt x="1307" y="1106"/>
                  </a:lnTo>
                  <a:lnTo>
                    <a:pt x="1306" y="1105"/>
                  </a:lnTo>
                  <a:lnTo>
                    <a:pt x="1306" y="1105"/>
                  </a:lnTo>
                  <a:lnTo>
                    <a:pt x="1306" y="1103"/>
                  </a:lnTo>
                  <a:lnTo>
                    <a:pt x="1304" y="1101"/>
                  </a:lnTo>
                  <a:lnTo>
                    <a:pt x="1304" y="1101"/>
                  </a:lnTo>
                  <a:lnTo>
                    <a:pt x="1303" y="1100"/>
                  </a:lnTo>
                  <a:lnTo>
                    <a:pt x="1301" y="1101"/>
                  </a:lnTo>
                  <a:lnTo>
                    <a:pt x="1298" y="1101"/>
                  </a:lnTo>
                  <a:lnTo>
                    <a:pt x="1298" y="1101"/>
                  </a:lnTo>
                  <a:lnTo>
                    <a:pt x="1291" y="1098"/>
                  </a:lnTo>
                  <a:lnTo>
                    <a:pt x="1291" y="1098"/>
                  </a:lnTo>
                  <a:lnTo>
                    <a:pt x="1277" y="1089"/>
                  </a:lnTo>
                  <a:lnTo>
                    <a:pt x="1277" y="1089"/>
                  </a:lnTo>
                  <a:lnTo>
                    <a:pt x="1272" y="1087"/>
                  </a:lnTo>
                  <a:lnTo>
                    <a:pt x="1272" y="1087"/>
                  </a:lnTo>
                  <a:lnTo>
                    <a:pt x="1266" y="1082"/>
                  </a:lnTo>
                  <a:lnTo>
                    <a:pt x="1266" y="1082"/>
                  </a:lnTo>
                  <a:lnTo>
                    <a:pt x="1256" y="1077"/>
                  </a:lnTo>
                  <a:lnTo>
                    <a:pt x="1256" y="1077"/>
                  </a:lnTo>
                  <a:lnTo>
                    <a:pt x="1254" y="1076"/>
                  </a:lnTo>
                  <a:lnTo>
                    <a:pt x="1254" y="1076"/>
                  </a:lnTo>
                  <a:lnTo>
                    <a:pt x="1252" y="1074"/>
                  </a:lnTo>
                  <a:lnTo>
                    <a:pt x="1252" y="1074"/>
                  </a:lnTo>
                  <a:lnTo>
                    <a:pt x="1243" y="1071"/>
                  </a:lnTo>
                  <a:lnTo>
                    <a:pt x="1243" y="1071"/>
                  </a:lnTo>
                  <a:lnTo>
                    <a:pt x="1235" y="1066"/>
                  </a:lnTo>
                  <a:lnTo>
                    <a:pt x="1235" y="1066"/>
                  </a:lnTo>
                  <a:lnTo>
                    <a:pt x="1230" y="1063"/>
                  </a:lnTo>
                  <a:lnTo>
                    <a:pt x="1227" y="1062"/>
                  </a:lnTo>
                  <a:lnTo>
                    <a:pt x="1227" y="1062"/>
                  </a:lnTo>
                  <a:lnTo>
                    <a:pt x="1219" y="1058"/>
                  </a:lnTo>
                  <a:lnTo>
                    <a:pt x="1219" y="1058"/>
                  </a:lnTo>
                  <a:lnTo>
                    <a:pt x="1209" y="1053"/>
                  </a:lnTo>
                  <a:lnTo>
                    <a:pt x="1200" y="1050"/>
                  </a:lnTo>
                  <a:lnTo>
                    <a:pt x="1200" y="1050"/>
                  </a:lnTo>
                  <a:lnTo>
                    <a:pt x="1194" y="1045"/>
                  </a:lnTo>
                  <a:lnTo>
                    <a:pt x="1194" y="1045"/>
                  </a:lnTo>
                  <a:lnTo>
                    <a:pt x="1179" y="1040"/>
                  </a:lnTo>
                  <a:lnTo>
                    <a:pt x="1179" y="1040"/>
                  </a:lnTo>
                  <a:lnTo>
                    <a:pt x="1174" y="1038"/>
                  </a:lnTo>
                  <a:lnTo>
                    <a:pt x="1174" y="1038"/>
                  </a:lnTo>
                  <a:lnTo>
                    <a:pt x="1169" y="1035"/>
                  </a:lnTo>
                  <a:lnTo>
                    <a:pt x="1169" y="1035"/>
                  </a:lnTo>
                  <a:lnTo>
                    <a:pt x="1158" y="1031"/>
                  </a:lnTo>
                  <a:lnTo>
                    <a:pt x="1158" y="1031"/>
                  </a:lnTo>
                  <a:lnTo>
                    <a:pt x="1149" y="1027"/>
                  </a:lnTo>
                  <a:lnTo>
                    <a:pt x="1149" y="1027"/>
                  </a:lnTo>
                  <a:lnTo>
                    <a:pt x="1137" y="1022"/>
                  </a:lnTo>
                  <a:lnTo>
                    <a:pt x="1137" y="1022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7" y="1019"/>
                  </a:lnTo>
                  <a:lnTo>
                    <a:pt x="1137" y="1019"/>
                  </a:lnTo>
                  <a:lnTo>
                    <a:pt x="1136" y="1019"/>
                  </a:lnTo>
                  <a:lnTo>
                    <a:pt x="1133" y="1019"/>
                  </a:lnTo>
                  <a:lnTo>
                    <a:pt x="1131" y="1019"/>
                  </a:lnTo>
                  <a:lnTo>
                    <a:pt x="1131" y="1019"/>
                  </a:lnTo>
                  <a:lnTo>
                    <a:pt x="1120" y="1011"/>
                  </a:lnTo>
                  <a:lnTo>
                    <a:pt x="1098" y="1001"/>
                  </a:lnTo>
                  <a:lnTo>
                    <a:pt x="1098" y="1001"/>
                  </a:lnTo>
                  <a:lnTo>
                    <a:pt x="1083" y="995"/>
                  </a:lnTo>
                  <a:lnTo>
                    <a:pt x="1083" y="995"/>
                  </a:lnTo>
                  <a:lnTo>
                    <a:pt x="1081" y="994"/>
                  </a:lnTo>
                  <a:lnTo>
                    <a:pt x="1080" y="993"/>
                  </a:lnTo>
                  <a:lnTo>
                    <a:pt x="1080" y="993"/>
                  </a:lnTo>
                  <a:lnTo>
                    <a:pt x="1076" y="991"/>
                  </a:lnTo>
                  <a:lnTo>
                    <a:pt x="1076" y="991"/>
                  </a:lnTo>
                  <a:lnTo>
                    <a:pt x="1072" y="990"/>
                  </a:lnTo>
                  <a:lnTo>
                    <a:pt x="1072" y="990"/>
                  </a:lnTo>
                  <a:lnTo>
                    <a:pt x="1071" y="989"/>
                  </a:lnTo>
                  <a:lnTo>
                    <a:pt x="1069" y="986"/>
                  </a:lnTo>
                  <a:lnTo>
                    <a:pt x="1069" y="986"/>
                  </a:lnTo>
                  <a:lnTo>
                    <a:pt x="1068" y="986"/>
                  </a:lnTo>
                  <a:lnTo>
                    <a:pt x="1066" y="986"/>
                  </a:lnTo>
                  <a:lnTo>
                    <a:pt x="1063" y="985"/>
                  </a:lnTo>
                  <a:lnTo>
                    <a:pt x="1063" y="985"/>
                  </a:lnTo>
                  <a:lnTo>
                    <a:pt x="1058" y="981"/>
                  </a:lnTo>
                  <a:lnTo>
                    <a:pt x="1054" y="976"/>
                  </a:lnTo>
                  <a:lnTo>
                    <a:pt x="1054" y="976"/>
                  </a:lnTo>
                  <a:lnTo>
                    <a:pt x="1051" y="974"/>
                  </a:lnTo>
                  <a:lnTo>
                    <a:pt x="1051" y="974"/>
                  </a:lnTo>
                  <a:lnTo>
                    <a:pt x="1050" y="973"/>
                  </a:lnTo>
                  <a:lnTo>
                    <a:pt x="1050" y="973"/>
                  </a:lnTo>
                  <a:lnTo>
                    <a:pt x="1047" y="970"/>
                  </a:lnTo>
                  <a:lnTo>
                    <a:pt x="1047" y="970"/>
                  </a:lnTo>
                  <a:lnTo>
                    <a:pt x="1041" y="962"/>
                  </a:lnTo>
                  <a:lnTo>
                    <a:pt x="1041" y="962"/>
                  </a:lnTo>
                  <a:lnTo>
                    <a:pt x="1039" y="959"/>
                  </a:lnTo>
                  <a:lnTo>
                    <a:pt x="1039" y="959"/>
                  </a:lnTo>
                  <a:lnTo>
                    <a:pt x="1031" y="952"/>
                  </a:lnTo>
                  <a:lnTo>
                    <a:pt x="1031" y="952"/>
                  </a:lnTo>
                  <a:lnTo>
                    <a:pt x="1023" y="944"/>
                  </a:lnTo>
                  <a:lnTo>
                    <a:pt x="1023" y="944"/>
                  </a:lnTo>
                  <a:lnTo>
                    <a:pt x="1016" y="937"/>
                  </a:lnTo>
                  <a:lnTo>
                    <a:pt x="1016" y="937"/>
                  </a:lnTo>
                  <a:lnTo>
                    <a:pt x="1011" y="935"/>
                  </a:lnTo>
                  <a:lnTo>
                    <a:pt x="1011" y="935"/>
                  </a:lnTo>
                  <a:lnTo>
                    <a:pt x="1006" y="933"/>
                  </a:lnTo>
                  <a:lnTo>
                    <a:pt x="1003" y="928"/>
                  </a:lnTo>
                  <a:lnTo>
                    <a:pt x="1003" y="928"/>
                  </a:lnTo>
                  <a:lnTo>
                    <a:pt x="1002" y="928"/>
                  </a:lnTo>
                  <a:lnTo>
                    <a:pt x="1002" y="928"/>
                  </a:lnTo>
                  <a:lnTo>
                    <a:pt x="1002" y="930"/>
                  </a:lnTo>
                  <a:lnTo>
                    <a:pt x="1002" y="930"/>
                  </a:lnTo>
                  <a:lnTo>
                    <a:pt x="1000" y="928"/>
                  </a:lnTo>
                  <a:lnTo>
                    <a:pt x="1000" y="928"/>
                  </a:lnTo>
                  <a:lnTo>
                    <a:pt x="997" y="923"/>
                  </a:lnTo>
                  <a:lnTo>
                    <a:pt x="997" y="923"/>
                  </a:lnTo>
                  <a:lnTo>
                    <a:pt x="995" y="920"/>
                  </a:lnTo>
                  <a:lnTo>
                    <a:pt x="993" y="917"/>
                  </a:lnTo>
                  <a:lnTo>
                    <a:pt x="993" y="917"/>
                  </a:lnTo>
                  <a:lnTo>
                    <a:pt x="988" y="913"/>
                  </a:lnTo>
                  <a:lnTo>
                    <a:pt x="988" y="913"/>
                  </a:lnTo>
                  <a:lnTo>
                    <a:pt x="984" y="910"/>
                  </a:lnTo>
                  <a:lnTo>
                    <a:pt x="984" y="910"/>
                  </a:lnTo>
                  <a:lnTo>
                    <a:pt x="983" y="908"/>
                  </a:lnTo>
                  <a:lnTo>
                    <a:pt x="983" y="905"/>
                  </a:lnTo>
                  <a:lnTo>
                    <a:pt x="983" y="905"/>
                  </a:lnTo>
                  <a:lnTo>
                    <a:pt x="985" y="888"/>
                  </a:lnTo>
                  <a:lnTo>
                    <a:pt x="987" y="863"/>
                  </a:lnTo>
                  <a:lnTo>
                    <a:pt x="987" y="863"/>
                  </a:lnTo>
                  <a:lnTo>
                    <a:pt x="989" y="849"/>
                  </a:lnTo>
                  <a:lnTo>
                    <a:pt x="989" y="849"/>
                  </a:lnTo>
                  <a:lnTo>
                    <a:pt x="989" y="847"/>
                  </a:lnTo>
                  <a:lnTo>
                    <a:pt x="989" y="847"/>
                  </a:lnTo>
                  <a:lnTo>
                    <a:pt x="991" y="839"/>
                  </a:lnTo>
                  <a:lnTo>
                    <a:pt x="991" y="839"/>
                  </a:lnTo>
                  <a:lnTo>
                    <a:pt x="991" y="835"/>
                  </a:lnTo>
                  <a:lnTo>
                    <a:pt x="991" y="835"/>
                  </a:lnTo>
                  <a:lnTo>
                    <a:pt x="993" y="832"/>
                  </a:lnTo>
                  <a:lnTo>
                    <a:pt x="993" y="832"/>
                  </a:lnTo>
                  <a:lnTo>
                    <a:pt x="996" y="824"/>
                  </a:lnTo>
                  <a:lnTo>
                    <a:pt x="996" y="824"/>
                  </a:lnTo>
                  <a:lnTo>
                    <a:pt x="1001" y="816"/>
                  </a:lnTo>
                  <a:lnTo>
                    <a:pt x="1001" y="816"/>
                  </a:lnTo>
                  <a:lnTo>
                    <a:pt x="1003" y="811"/>
                  </a:lnTo>
                  <a:lnTo>
                    <a:pt x="1003" y="811"/>
                  </a:lnTo>
                  <a:lnTo>
                    <a:pt x="1004" y="809"/>
                  </a:lnTo>
                  <a:lnTo>
                    <a:pt x="1004" y="809"/>
                  </a:lnTo>
                  <a:lnTo>
                    <a:pt x="1006" y="804"/>
                  </a:lnTo>
                  <a:lnTo>
                    <a:pt x="1006" y="804"/>
                  </a:lnTo>
                  <a:lnTo>
                    <a:pt x="1011" y="794"/>
                  </a:lnTo>
                  <a:lnTo>
                    <a:pt x="1011" y="794"/>
                  </a:lnTo>
                  <a:lnTo>
                    <a:pt x="1013" y="790"/>
                  </a:lnTo>
                  <a:lnTo>
                    <a:pt x="1013" y="790"/>
                  </a:lnTo>
                  <a:lnTo>
                    <a:pt x="1015" y="785"/>
                  </a:lnTo>
                  <a:lnTo>
                    <a:pt x="1015" y="785"/>
                  </a:lnTo>
                  <a:lnTo>
                    <a:pt x="1017" y="779"/>
                  </a:lnTo>
                  <a:lnTo>
                    <a:pt x="1017" y="779"/>
                  </a:lnTo>
                  <a:lnTo>
                    <a:pt x="1020" y="769"/>
                  </a:lnTo>
                  <a:lnTo>
                    <a:pt x="1020" y="769"/>
                  </a:lnTo>
                  <a:lnTo>
                    <a:pt x="1022" y="768"/>
                  </a:lnTo>
                  <a:lnTo>
                    <a:pt x="1022" y="768"/>
                  </a:lnTo>
                  <a:lnTo>
                    <a:pt x="1024" y="767"/>
                  </a:lnTo>
                  <a:lnTo>
                    <a:pt x="1024" y="767"/>
                  </a:lnTo>
                  <a:lnTo>
                    <a:pt x="1024" y="759"/>
                  </a:lnTo>
                  <a:lnTo>
                    <a:pt x="1024" y="759"/>
                  </a:lnTo>
                  <a:lnTo>
                    <a:pt x="1027" y="752"/>
                  </a:lnTo>
                  <a:lnTo>
                    <a:pt x="1027" y="752"/>
                  </a:lnTo>
                  <a:lnTo>
                    <a:pt x="1032" y="736"/>
                  </a:lnTo>
                  <a:lnTo>
                    <a:pt x="1032" y="736"/>
                  </a:lnTo>
                  <a:lnTo>
                    <a:pt x="1034" y="722"/>
                  </a:lnTo>
                  <a:lnTo>
                    <a:pt x="1034" y="722"/>
                  </a:lnTo>
                  <a:lnTo>
                    <a:pt x="1035" y="716"/>
                  </a:lnTo>
                  <a:lnTo>
                    <a:pt x="1035" y="716"/>
                  </a:lnTo>
                  <a:lnTo>
                    <a:pt x="1036" y="710"/>
                  </a:lnTo>
                  <a:lnTo>
                    <a:pt x="1036" y="710"/>
                  </a:lnTo>
                  <a:lnTo>
                    <a:pt x="1036" y="709"/>
                  </a:lnTo>
                  <a:lnTo>
                    <a:pt x="1036" y="709"/>
                  </a:lnTo>
                  <a:lnTo>
                    <a:pt x="1039" y="709"/>
                  </a:lnTo>
                  <a:lnTo>
                    <a:pt x="1041" y="709"/>
                  </a:lnTo>
                  <a:lnTo>
                    <a:pt x="1041" y="709"/>
                  </a:lnTo>
                  <a:lnTo>
                    <a:pt x="1047" y="710"/>
                  </a:lnTo>
                  <a:lnTo>
                    <a:pt x="1055" y="709"/>
                  </a:lnTo>
                  <a:lnTo>
                    <a:pt x="1055" y="709"/>
                  </a:lnTo>
                  <a:lnTo>
                    <a:pt x="1060" y="707"/>
                  </a:lnTo>
                  <a:lnTo>
                    <a:pt x="1064" y="703"/>
                  </a:lnTo>
                  <a:lnTo>
                    <a:pt x="1073" y="698"/>
                  </a:lnTo>
                  <a:lnTo>
                    <a:pt x="1073" y="698"/>
                  </a:lnTo>
                  <a:lnTo>
                    <a:pt x="1089" y="683"/>
                  </a:lnTo>
                  <a:lnTo>
                    <a:pt x="1089" y="683"/>
                  </a:lnTo>
                  <a:lnTo>
                    <a:pt x="1090" y="681"/>
                  </a:lnTo>
                  <a:lnTo>
                    <a:pt x="1090" y="681"/>
                  </a:lnTo>
                  <a:lnTo>
                    <a:pt x="1099" y="664"/>
                  </a:lnTo>
                  <a:lnTo>
                    <a:pt x="1105" y="648"/>
                  </a:lnTo>
                  <a:lnTo>
                    <a:pt x="1113" y="630"/>
                  </a:lnTo>
                  <a:lnTo>
                    <a:pt x="1113" y="630"/>
                  </a:lnTo>
                  <a:lnTo>
                    <a:pt x="1118" y="615"/>
                  </a:lnTo>
                  <a:lnTo>
                    <a:pt x="1118" y="615"/>
                  </a:lnTo>
                  <a:lnTo>
                    <a:pt x="1119" y="605"/>
                  </a:lnTo>
                  <a:lnTo>
                    <a:pt x="1119" y="605"/>
                  </a:lnTo>
                  <a:lnTo>
                    <a:pt x="1120" y="587"/>
                  </a:lnTo>
                  <a:lnTo>
                    <a:pt x="1120" y="587"/>
                  </a:lnTo>
                  <a:lnTo>
                    <a:pt x="1120" y="585"/>
                  </a:lnTo>
                  <a:lnTo>
                    <a:pt x="1120" y="585"/>
                  </a:lnTo>
                  <a:lnTo>
                    <a:pt x="1122" y="582"/>
                  </a:lnTo>
                  <a:lnTo>
                    <a:pt x="1122" y="582"/>
                  </a:lnTo>
                  <a:lnTo>
                    <a:pt x="1123" y="574"/>
                  </a:lnTo>
                  <a:lnTo>
                    <a:pt x="1123" y="574"/>
                  </a:lnTo>
                  <a:lnTo>
                    <a:pt x="1126" y="571"/>
                  </a:lnTo>
                  <a:lnTo>
                    <a:pt x="1126" y="571"/>
                  </a:lnTo>
                  <a:lnTo>
                    <a:pt x="1127" y="566"/>
                  </a:lnTo>
                  <a:lnTo>
                    <a:pt x="1127" y="566"/>
                  </a:lnTo>
                  <a:lnTo>
                    <a:pt x="1128" y="561"/>
                  </a:lnTo>
                  <a:lnTo>
                    <a:pt x="1128" y="561"/>
                  </a:lnTo>
                  <a:lnTo>
                    <a:pt x="1131" y="557"/>
                  </a:lnTo>
                  <a:lnTo>
                    <a:pt x="1131" y="557"/>
                  </a:lnTo>
                  <a:lnTo>
                    <a:pt x="1130" y="556"/>
                  </a:lnTo>
                  <a:lnTo>
                    <a:pt x="1130" y="555"/>
                  </a:lnTo>
                  <a:lnTo>
                    <a:pt x="1130" y="555"/>
                  </a:lnTo>
                  <a:lnTo>
                    <a:pt x="1131" y="553"/>
                  </a:lnTo>
                  <a:lnTo>
                    <a:pt x="1131" y="553"/>
                  </a:lnTo>
                  <a:lnTo>
                    <a:pt x="1132" y="551"/>
                  </a:lnTo>
                  <a:lnTo>
                    <a:pt x="1132" y="551"/>
                  </a:lnTo>
                  <a:lnTo>
                    <a:pt x="1133" y="545"/>
                  </a:lnTo>
                  <a:lnTo>
                    <a:pt x="1133" y="545"/>
                  </a:lnTo>
                  <a:lnTo>
                    <a:pt x="1136" y="531"/>
                  </a:lnTo>
                  <a:lnTo>
                    <a:pt x="1136" y="531"/>
                  </a:lnTo>
                  <a:lnTo>
                    <a:pt x="1136" y="525"/>
                  </a:lnTo>
                  <a:lnTo>
                    <a:pt x="1136" y="519"/>
                  </a:lnTo>
                  <a:lnTo>
                    <a:pt x="1134" y="512"/>
                  </a:lnTo>
                  <a:lnTo>
                    <a:pt x="1134" y="512"/>
                  </a:lnTo>
                  <a:lnTo>
                    <a:pt x="1132" y="509"/>
                  </a:lnTo>
                  <a:lnTo>
                    <a:pt x="1132" y="509"/>
                  </a:lnTo>
                  <a:lnTo>
                    <a:pt x="1132" y="506"/>
                  </a:lnTo>
                  <a:lnTo>
                    <a:pt x="1131" y="503"/>
                  </a:lnTo>
                  <a:lnTo>
                    <a:pt x="1131" y="503"/>
                  </a:lnTo>
                  <a:lnTo>
                    <a:pt x="1127" y="498"/>
                  </a:lnTo>
                  <a:lnTo>
                    <a:pt x="1127" y="498"/>
                  </a:lnTo>
                  <a:lnTo>
                    <a:pt x="1124" y="497"/>
                  </a:lnTo>
                  <a:lnTo>
                    <a:pt x="1124" y="497"/>
                  </a:lnTo>
                  <a:lnTo>
                    <a:pt x="1123" y="496"/>
                  </a:lnTo>
                  <a:lnTo>
                    <a:pt x="1123" y="496"/>
                  </a:lnTo>
                  <a:lnTo>
                    <a:pt x="1119" y="495"/>
                  </a:lnTo>
                  <a:lnTo>
                    <a:pt x="1119" y="495"/>
                  </a:lnTo>
                  <a:lnTo>
                    <a:pt x="1113" y="495"/>
                  </a:lnTo>
                  <a:lnTo>
                    <a:pt x="1109" y="494"/>
                  </a:lnTo>
                  <a:lnTo>
                    <a:pt x="1109" y="494"/>
                  </a:lnTo>
                  <a:lnTo>
                    <a:pt x="1108" y="492"/>
                  </a:lnTo>
                  <a:lnTo>
                    <a:pt x="1107" y="488"/>
                  </a:lnTo>
                  <a:lnTo>
                    <a:pt x="1107" y="484"/>
                  </a:lnTo>
                  <a:lnTo>
                    <a:pt x="1107" y="478"/>
                  </a:lnTo>
                  <a:lnTo>
                    <a:pt x="1107" y="478"/>
                  </a:lnTo>
                  <a:lnTo>
                    <a:pt x="1109" y="459"/>
                  </a:lnTo>
                  <a:lnTo>
                    <a:pt x="1112" y="443"/>
                  </a:lnTo>
                  <a:lnTo>
                    <a:pt x="1116" y="426"/>
                  </a:lnTo>
                  <a:lnTo>
                    <a:pt x="1116" y="426"/>
                  </a:lnTo>
                  <a:lnTo>
                    <a:pt x="1116" y="421"/>
                  </a:lnTo>
                  <a:lnTo>
                    <a:pt x="1116" y="417"/>
                  </a:lnTo>
                  <a:lnTo>
                    <a:pt x="1116" y="411"/>
                  </a:lnTo>
                  <a:lnTo>
                    <a:pt x="1116" y="407"/>
                  </a:lnTo>
                  <a:lnTo>
                    <a:pt x="1116" y="407"/>
                  </a:lnTo>
                  <a:lnTo>
                    <a:pt x="1117" y="397"/>
                  </a:lnTo>
                  <a:lnTo>
                    <a:pt x="1117" y="392"/>
                  </a:lnTo>
                  <a:lnTo>
                    <a:pt x="1117" y="392"/>
                  </a:lnTo>
                  <a:lnTo>
                    <a:pt x="1113" y="369"/>
                  </a:lnTo>
                  <a:lnTo>
                    <a:pt x="1113" y="369"/>
                  </a:lnTo>
                  <a:lnTo>
                    <a:pt x="1110" y="353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3" y="332"/>
                  </a:lnTo>
                  <a:lnTo>
                    <a:pt x="1116" y="298"/>
                  </a:lnTo>
                  <a:lnTo>
                    <a:pt x="1116" y="298"/>
                  </a:lnTo>
                  <a:lnTo>
                    <a:pt x="1118" y="298"/>
                  </a:lnTo>
                  <a:lnTo>
                    <a:pt x="1120" y="298"/>
                  </a:lnTo>
                  <a:lnTo>
                    <a:pt x="1120" y="298"/>
                  </a:lnTo>
                  <a:lnTo>
                    <a:pt x="1120" y="295"/>
                  </a:lnTo>
                  <a:lnTo>
                    <a:pt x="1120" y="293"/>
                  </a:lnTo>
                  <a:lnTo>
                    <a:pt x="1119" y="290"/>
                  </a:lnTo>
                  <a:lnTo>
                    <a:pt x="1119" y="290"/>
                  </a:lnTo>
                  <a:lnTo>
                    <a:pt x="1120" y="288"/>
                  </a:lnTo>
                  <a:lnTo>
                    <a:pt x="1122" y="285"/>
                  </a:lnTo>
                  <a:lnTo>
                    <a:pt x="1122" y="285"/>
                  </a:lnTo>
                  <a:lnTo>
                    <a:pt x="1126" y="284"/>
                  </a:lnTo>
                  <a:lnTo>
                    <a:pt x="1126" y="284"/>
                  </a:lnTo>
                  <a:lnTo>
                    <a:pt x="1127" y="282"/>
                  </a:lnTo>
                  <a:lnTo>
                    <a:pt x="1127" y="279"/>
                  </a:lnTo>
                  <a:lnTo>
                    <a:pt x="1127" y="279"/>
                  </a:lnTo>
                  <a:lnTo>
                    <a:pt x="1127" y="272"/>
                  </a:lnTo>
                  <a:lnTo>
                    <a:pt x="1128" y="266"/>
                  </a:lnTo>
                  <a:lnTo>
                    <a:pt x="1128" y="266"/>
                  </a:lnTo>
                  <a:lnTo>
                    <a:pt x="1128" y="263"/>
                  </a:lnTo>
                  <a:lnTo>
                    <a:pt x="1126" y="258"/>
                  </a:lnTo>
                  <a:lnTo>
                    <a:pt x="1126" y="258"/>
                  </a:lnTo>
                  <a:lnTo>
                    <a:pt x="1122" y="250"/>
                  </a:lnTo>
                  <a:lnTo>
                    <a:pt x="1120" y="243"/>
                  </a:lnTo>
                  <a:lnTo>
                    <a:pt x="1120" y="243"/>
                  </a:lnTo>
                  <a:lnTo>
                    <a:pt x="1118" y="240"/>
                  </a:lnTo>
                  <a:lnTo>
                    <a:pt x="1114" y="237"/>
                  </a:lnTo>
                  <a:lnTo>
                    <a:pt x="1114" y="237"/>
                  </a:lnTo>
                  <a:lnTo>
                    <a:pt x="1113" y="235"/>
                  </a:lnTo>
                  <a:lnTo>
                    <a:pt x="1112" y="233"/>
                  </a:lnTo>
                  <a:lnTo>
                    <a:pt x="1112" y="230"/>
                  </a:lnTo>
                  <a:lnTo>
                    <a:pt x="1112" y="230"/>
                  </a:lnTo>
                  <a:lnTo>
                    <a:pt x="1112" y="229"/>
                  </a:lnTo>
                  <a:lnTo>
                    <a:pt x="1111" y="227"/>
                  </a:lnTo>
                  <a:lnTo>
                    <a:pt x="1111" y="227"/>
                  </a:lnTo>
                  <a:lnTo>
                    <a:pt x="1111" y="224"/>
                  </a:lnTo>
                  <a:lnTo>
                    <a:pt x="1110" y="217"/>
                  </a:lnTo>
                  <a:lnTo>
                    <a:pt x="1110" y="217"/>
                  </a:lnTo>
                  <a:lnTo>
                    <a:pt x="1110" y="211"/>
                  </a:lnTo>
                  <a:lnTo>
                    <a:pt x="1108" y="203"/>
                  </a:lnTo>
                  <a:lnTo>
                    <a:pt x="1105" y="193"/>
                  </a:lnTo>
                  <a:lnTo>
                    <a:pt x="1105" y="193"/>
                  </a:lnTo>
                  <a:lnTo>
                    <a:pt x="1102" y="190"/>
                  </a:lnTo>
                  <a:lnTo>
                    <a:pt x="1095" y="183"/>
                  </a:lnTo>
                  <a:lnTo>
                    <a:pt x="1088" y="164"/>
                  </a:lnTo>
                  <a:lnTo>
                    <a:pt x="1088" y="164"/>
                  </a:lnTo>
                  <a:lnTo>
                    <a:pt x="1083" y="156"/>
                  </a:lnTo>
                  <a:lnTo>
                    <a:pt x="1082" y="153"/>
                  </a:lnTo>
                  <a:lnTo>
                    <a:pt x="1082" y="153"/>
                  </a:lnTo>
                  <a:lnTo>
                    <a:pt x="1082" y="152"/>
                  </a:lnTo>
                  <a:lnTo>
                    <a:pt x="1081" y="151"/>
                  </a:lnTo>
                  <a:lnTo>
                    <a:pt x="1080" y="149"/>
                  </a:lnTo>
                  <a:lnTo>
                    <a:pt x="1080" y="149"/>
                  </a:lnTo>
                  <a:lnTo>
                    <a:pt x="1079" y="147"/>
                  </a:lnTo>
                  <a:lnTo>
                    <a:pt x="1076" y="145"/>
                  </a:lnTo>
                  <a:lnTo>
                    <a:pt x="1076" y="145"/>
                  </a:lnTo>
                  <a:lnTo>
                    <a:pt x="1078" y="146"/>
                  </a:lnTo>
                  <a:lnTo>
                    <a:pt x="1078" y="146"/>
                  </a:lnTo>
                  <a:lnTo>
                    <a:pt x="1080" y="146"/>
                  </a:lnTo>
                  <a:lnTo>
                    <a:pt x="1080" y="146"/>
                  </a:lnTo>
                  <a:lnTo>
                    <a:pt x="1080" y="145"/>
                  </a:lnTo>
                  <a:lnTo>
                    <a:pt x="1080" y="145"/>
                  </a:lnTo>
                  <a:lnTo>
                    <a:pt x="1076" y="144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4" y="141"/>
                  </a:lnTo>
                  <a:lnTo>
                    <a:pt x="1074" y="141"/>
                  </a:lnTo>
                  <a:lnTo>
                    <a:pt x="1074" y="142"/>
                  </a:lnTo>
                  <a:lnTo>
                    <a:pt x="1072" y="142"/>
                  </a:lnTo>
                  <a:lnTo>
                    <a:pt x="1070" y="142"/>
                  </a:lnTo>
                  <a:lnTo>
                    <a:pt x="1070" y="142"/>
                  </a:lnTo>
                  <a:lnTo>
                    <a:pt x="1069" y="141"/>
                  </a:lnTo>
                  <a:lnTo>
                    <a:pt x="1069" y="141"/>
                  </a:lnTo>
                  <a:lnTo>
                    <a:pt x="1063" y="134"/>
                  </a:lnTo>
                  <a:lnTo>
                    <a:pt x="1063" y="134"/>
                  </a:lnTo>
                  <a:lnTo>
                    <a:pt x="1059" y="129"/>
                  </a:lnTo>
                  <a:lnTo>
                    <a:pt x="1055" y="126"/>
                  </a:lnTo>
                  <a:lnTo>
                    <a:pt x="1055" y="126"/>
                  </a:lnTo>
                  <a:lnTo>
                    <a:pt x="1053" y="126"/>
                  </a:lnTo>
                  <a:lnTo>
                    <a:pt x="1052" y="126"/>
                  </a:lnTo>
                  <a:lnTo>
                    <a:pt x="1052" y="126"/>
                  </a:lnTo>
                  <a:lnTo>
                    <a:pt x="1046" y="123"/>
                  </a:lnTo>
                  <a:lnTo>
                    <a:pt x="1046" y="123"/>
                  </a:lnTo>
                  <a:lnTo>
                    <a:pt x="1043" y="120"/>
                  </a:lnTo>
                  <a:lnTo>
                    <a:pt x="1042" y="116"/>
                  </a:lnTo>
                  <a:lnTo>
                    <a:pt x="1042" y="116"/>
                  </a:lnTo>
                  <a:lnTo>
                    <a:pt x="1042" y="115"/>
                  </a:lnTo>
                  <a:lnTo>
                    <a:pt x="1041" y="115"/>
                  </a:lnTo>
                  <a:lnTo>
                    <a:pt x="1037" y="114"/>
                  </a:lnTo>
                  <a:lnTo>
                    <a:pt x="1037" y="114"/>
                  </a:lnTo>
                  <a:lnTo>
                    <a:pt x="1037" y="113"/>
                  </a:lnTo>
                  <a:lnTo>
                    <a:pt x="1037" y="110"/>
                  </a:lnTo>
                  <a:lnTo>
                    <a:pt x="1037" y="110"/>
                  </a:lnTo>
                  <a:lnTo>
                    <a:pt x="1035" y="108"/>
                  </a:lnTo>
                  <a:lnTo>
                    <a:pt x="1035" y="108"/>
                  </a:lnTo>
                  <a:lnTo>
                    <a:pt x="1025" y="102"/>
                  </a:lnTo>
                  <a:lnTo>
                    <a:pt x="1025" y="102"/>
                  </a:lnTo>
                  <a:lnTo>
                    <a:pt x="1023" y="102"/>
                  </a:lnTo>
                  <a:lnTo>
                    <a:pt x="1023" y="102"/>
                  </a:lnTo>
                  <a:lnTo>
                    <a:pt x="1020" y="102"/>
                  </a:lnTo>
                  <a:lnTo>
                    <a:pt x="1020" y="102"/>
                  </a:lnTo>
                  <a:lnTo>
                    <a:pt x="1016" y="100"/>
                  </a:lnTo>
                  <a:lnTo>
                    <a:pt x="1016" y="100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2" y="95"/>
                  </a:lnTo>
                  <a:lnTo>
                    <a:pt x="1012" y="95"/>
                  </a:lnTo>
                  <a:lnTo>
                    <a:pt x="1013" y="93"/>
                  </a:lnTo>
                  <a:lnTo>
                    <a:pt x="1012" y="90"/>
                  </a:lnTo>
                  <a:lnTo>
                    <a:pt x="1012" y="90"/>
                  </a:lnTo>
                  <a:lnTo>
                    <a:pt x="1006" y="88"/>
                  </a:lnTo>
                  <a:lnTo>
                    <a:pt x="1006" y="88"/>
                  </a:lnTo>
                  <a:lnTo>
                    <a:pt x="1004" y="88"/>
                  </a:lnTo>
                  <a:lnTo>
                    <a:pt x="1003" y="89"/>
                  </a:lnTo>
                  <a:lnTo>
                    <a:pt x="1003" y="89"/>
                  </a:lnTo>
                  <a:lnTo>
                    <a:pt x="1001" y="88"/>
                  </a:lnTo>
                  <a:lnTo>
                    <a:pt x="1001" y="88"/>
                  </a:lnTo>
                  <a:lnTo>
                    <a:pt x="1000" y="88"/>
                  </a:lnTo>
                  <a:lnTo>
                    <a:pt x="1000" y="88"/>
                  </a:lnTo>
                  <a:lnTo>
                    <a:pt x="1000" y="87"/>
                  </a:lnTo>
                  <a:lnTo>
                    <a:pt x="998" y="85"/>
                  </a:lnTo>
                  <a:lnTo>
                    <a:pt x="998" y="85"/>
                  </a:lnTo>
                  <a:lnTo>
                    <a:pt x="996" y="87"/>
                  </a:lnTo>
                  <a:lnTo>
                    <a:pt x="996" y="87"/>
                  </a:lnTo>
                  <a:lnTo>
                    <a:pt x="994" y="86"/>
                  </a:lnTo>
                  <a:lnTo>
                    <a:pt x="994" y="86"/>
                  </a:lnTo>
                  <a:lnTo>
                    <a:pt x="992" y="81"/>
                  </a:lnTo>
                  <a:lnTo>
                    <a:pt x="992" y="81"/>
                  </a:lnTo>
                  <a:lnTo>
                    <a:pt x="989" y="77"/>
                  </a:lnTo>
                  <a:lnTo>
                    <a:pt x="989" y="77"/>
                  </a:lnTo>
                  <a:lnTo>
                    <a:pt x="987" y="74"/>
                  </a:lnTo>
                  <a:lnTo>
                    <a:pt x="985" y="73"/>
                  </a:lnTo>
                  <a:lnTo>
                    <a:pt x="985" y="73"/>
                  </a:lnTo>
                  <a:lnTo>
                    <a:pt x="985" y="71"/>
                  </a:lnTo>
                  <a:lnTo>
                    <a:pt x="985" y="71"/>
                  </a:lnTo>
                  <a:lnTo>
                    <a:pt x="985" y="69"/>
                  </a:lnTo>
                  <a:lnTo>
                    <a:pt x="985" y="69"/>
                  </a:lnTo>
                  <a:lnTo>
                    <a:pt x="984" y="68"/>
                  </a:lnTo>
                  <a:lnTo>
                    <a:pt x="982" y="67"/>
                  </a:lnTo>
                  <a:lnTo>
                    <a:pt x="982" y="67"/>
                  </a:lnTo>
                  <a:lnTo>
                    <a:pt x="981" y="61"/>
                  </a:lnTo>
                  <a:lnTo>
                    <a:pt x="981" y="61"/>
                  </a:lnTo>
                  <a:lnTo>
                    <a:pt x="979" y="60"/>
                  </a:lnTo>
                  <a:lnTo>
                    <a:pt x="977" y="58"/>
                  </a:lnTo>
                  <a:lnTo>
                    <a:pt x="973" y="56"/>
                  </a:lnTo>
                  <a:lnTo>
                    <a:pt x="973" y="56"/>
                  </a:lnTo>
                  <a:lnTo>
                    <a:pt x="972" y="52"/>
                  </a:lnTo>
                  <a:lnTo>
                    <a:pt x="972" y="50"/>
                  </a:lnTo>
                  <a:lnTo>
                    <a:pt x="972" y="50"/>
                  </a:lnTo>
                  <a:lnTo>
                    <a:pt x="971" y="48"/>
                  </a:lnTo>
                  <a:lnTo>
                    <a:pt x="969" y="46"/>
                  </a:lnTo>
                  <a:lnTo>
                    <a:pt x="968" y="46"/>
                  </a:lnTo>
                  <a:lnTo>
                    <a:pt x="968" y="46"/>
                  </a:lnTo>
                  <a:lnTo>
                    <a:pt x="967" y="45"/>
                  </a:lnTo>
                  <a:lnTo>
                    <a:pt x="966" y="46"/>
                  </a:lnTo>
                  <a:lnTo>
                    <a:pt x="965" y="47"/>
                  </a:lnTo>
                  <a:lnTo>
                    <a:pt x="965" y="47"/>
                  </a:lnTo>
                  <a:lnTo>
                    <a:pt x="962" y="49"/>
                  </a:lnTo>
                  <a:lnTo>
                    <a:pt x="962" y="49"/>
                  </a:lnTo>
                  <a:lnTo>
                    <a:pt x="956" y="50"/>
                  </a:lnTo>
                  <a:lnTo>
                    <a:pt x="956" y="50"/>
                  </a:lnTo>
                  <a:lnTo>
                    <a:pt x="955" y="48"/>
                  </a:lnTo>
                  <a:lnTo>
                    <a:pt x="955" y="48"/>
                  </a:lnTo>
                  <a:lnTo>
                    <a:pt x="952" y="45"/>
                  </a:lnTo>
                  <a:lnTo>
                    <a:pt x="949" y="44"/>
                  </a:lnTo>
                  <a:lnTo>
                    <a:pt x="949" y="44"/>
                  </a:lnTo>
                  <a:lnTo>
                    <a:pt x="946" y="40"/>
                  </a:lnTo>
                  <a:lnTo>
                    <a:pt x="946" y="40"/>
                  </a:lnTo>
                  <a:lnTo>
                    <a:pt x="940" y="36"/>
                  </a:lnTo>
                  <a:lnTo>
                    <a:pt x="940" y="36"/>
                  </a:lnTo>
                  <a:lnTo>
                    <a:pt x="940" y="35"/>
                  </a:lnTo>
                  <a:lnTo>
                    <a:pt x="940" y="35"/>
                  </a:lnTo>
                  <a:lnTo>
                    <a:pt x="940" y="34"/>
                  </a:lnTo>
                  <a:lnTo>
                    <a:pt x="938" y="31"/>
                  </a:lnTo>
                  <a:lnTo>
                    <a:pt x="938" y="31"/>
                  </a:lnTo>
                  <a:lnTo>
                    <a:pt x="934" y="28"/>
                  </a:lnTo>
                  <a:lnTo>
                    <a:pt x="934" y="28"/>
                  </a:lnTo>
                  <a:lnTo>
                    <a:pt x="930" y="22"/>
                  </a:lnTo>
                  <a:lnTo>
                    <a:pt x="930" y="22"/>
                  </a:lnTo>
                  <a:lnTo>
                    <a:pt x="926" y="19"/>
                  </a:lnTo>
                  <a:lnTo>
                    <a:pt x="926" y="19"/>
                  </a:lnTo>
                  <a:lnTo>
                    <a:pt x="924" y="17"/>
                  </a:lnTo>
                  <a:lnTo>
                    <a:pt x="924" y="17"/>
                  </a:lnTo>
                  <a:lnTo>
                    <a:pt x="921" y="13"/>
                  </a:lnTo>
                  <a:lnTo>
                    <a:pt x="919" y="12"/>
                  </a:lnTo>
                  <a:lnTo>
                    <a:pt x="919" y="12"/>
                  </a:lnTo>
                  <a:lnTo>
                    <a:pt x="917" y="11"/>
                  </a:lnTo>
                  <a:lnTo>
                    <a:pt x="916" y="11"/>
                  </a:lnTo>
                  <a:lnTo>
                    <a:pt x="916" y="11"/>
                  </a:lnTo>
                  <a:lnTo>
                    <a:pt x="914" y="17"/>
                  </a:lnTo>
                  <a:lnTo>
                    <a:pt x="914" y="17"/>
                  </a:lnTo>
                  <a:lnTo>
                    <a:pt x="913" y="18"/>
                  </a:lnTo>
                  <a:lnTo>
                    <a:pt x="909" y="18"/>
                  </a:lnTo>
                  <a:lnTo>
                    <a:pt x="909" y="18"/>
                  </a:lnTo>
                  <a:lnTo>
                    <a:pt x="904" y="17"/>
                  </a:lnTo>
                  <a:lnTo>
                    <a:pt x="898" y="15"/>
                  </a:lnTo>
                  <a:lnTo>
                    <a:pt x="898" y="15"/>
                  </a:lnTo>
                  <a:lnTo>
                    <a:pt x="894" y="11"/>
                  </a:lnTo>
                  <a:lnTo>
                    <a:pt x="889" y="9"/>
                  </a:lnTo>
                  <a:lnTo>
                    <a:pt x="889" y="9"/>
                  </a:lnTo>
                  <a:lnTo>
                    <a:pt x="888" y="8"/>
                  </a:lnTo>
                  <a:lnTo>
                    <a:pt x="887" y="8"/>
                  </a:lnTo>
                  <a:lnTo>
                    <a:pt x="886" y="9"/>
                  </a:lnTo>
                  <a:lnTo>
                    <a:pt x="886" y="9"/>
                  </a:lnTo>
                  <a:lnTo>
                    <a:pt x="885" y="11"/>
                  </a:lnTo>
                  <a:lnTo>
                    <a:pt x="885" y="11"/>
                  </a:lnTo>
                  <a:lnTo>
                    <a:pt x="882" y="12"/>
                  </a:lnTo>
                  <a:lnTo>
                    <a:pt x="882" y="12"/>
                  </a:lnTo>
                  <a:lnTo>
                    <a:pt x="881" y="11"/>
                  </a:lnTo>
                  <a:lnTo>
                    <a:pt x="880" y="8"/>
                  </a:lnTo>
                  <a:lnTo>
                    <a:pt x="880" y="8"/>
                  </a:lnTo>
                  <a:lnTo>
                    <a:pt x="880" y="7"/>
                  </a:lnTo>
                  <a:lnTo>
                    <a:pt x="879" y="7"/>
                  </a:lnTo>
                  <a:lnTo>
                    <a:pt x="878" y="9"/>
                  </a:lnTo>
                  <a:lnTo>
                    <a:pt x="878" y="9"/>
                  </a:lnTo>
                  <a:lnTo>
                    <a:pt x="877" y="10"/>
                  </a:lnTo>
                  <a:lnTo>
                    <a:pt x="876" y="10"/>
                  </a:lnTo>
                  <a:lnTo>
                    <a:pt x="872" y="9"/>
                  </a:lnTo>
                  <a:lnTo>
                    <a:pt x="872" y="9"/>
                  </a:lnTo>
                  <a:lnTo>
                    <a:pt x="871" y="10"/>
                  </a:lnTo>
                  <a:lnTo>
                    <a:pt x="870" y="10"/>
                  </a:lnTo>
                  <a:lnTo>
                    <a:pt x="870" y="10"/>
                  </a:lnTo>
                  <a:lnTo>
                    <a:pt x="868" y="12"/>
                  </a:lnTo>
                  <a:lnTo>
                    <a:pt x="868" y="12"/>
                  </a:lnTo>
                  <a:lnTo>
                    <a:pt x="866" y="10"/>
                  </a:lnTo>
                  <a:lnTo>
                    <a:pt x="866" y="10"/>
                  </a:lnTo>
                  <a:lnTo>
                    <a:pt x="863" y="9"/>
                  </a:lnTo>
                  <a:lnTo>
                    <a:pt x="861" y="9"/>
                  </a:lnTo>
                  <a:lnTo>
                    <a:pt x="861" y="9"/>
                  </a:lnTo>
                  <a:lnTo>
                    <a:pt x="859" y="6"/>
                  </a:lnTo>
                  <a:lnTo>
                    <a:pt x="859" y="6"/>
                  </a:lnTo>
                  <a:lnTo>
                    <a:pt x="858" y="3"/>
                  </a:lnTo>
                  <a:lnTo>
                    <a:pt x="858" y="3"/>
                  </a:lnTo>
                  <a:lnTo>
                    <a:pt x="857" y="3"/>
                  </a:lnTo>
                  <a:lnTo>
                    <a:pt x="854" y="3"/>
                  </a:lnTo>
                  <a:lnTo>
                    <a:pt x="854" y="3"/>
                  </a:lnTo>
                  <a:lnTo>
                    <a:pt x="854" y="5"/>
                  </a:lnTo>
                  <a:lnTo>
                    <a:pt x="853" y="3"/>
                  </a:lnTo>
                  <a:lnTo>
                    <a:pt x="853" y="3"/>
                  </a:lnTo>
                  <a:lnTo>
                    <a:pt x="852" y="3"/>
                  </a:lnTo>
                  <a:lnTo>
                    <a:pt x="851" y="3"/>
                  </a:lnTo>
                  <a:lnTo>
                    <a:pt x="850" y="5"/>
                  </a:lnTo>
                  <a:lnTo>
                    <a:pt x="850" y="5"/>
                  </a:lnTo>
                  <a:lnTo>
                    <a:pt x="846" y="5"/>
                  </a:lnTo>
                  <a:lnTo>
                    <a:pt x="846" y="5"/>
                  </a:lnTo>
                  <a:lnTo>
                    <a:pt x="842" y="7"/>
                  </a:lnTo>
                  <a:lnTo>
                    <a:pt x="840" y="8"/>
                  </a:lnTo>
                  <a:lnTo>
                    <a:pt x="840" y="8"/>
                  </a:lnTo>
                  <a:lnTo>
                    <a:pt x="838" y="8"/>
                  </a:lnTo>
                  <a:lnTo>
                    <a:pt x="837" y="8"/>
                  </a:lnTo>
                  <a:lnTo>
                    <a:pt x="836" y="8"/>
                  </a:lnTo>
                  <a:lnTo>
                    <a:pt x="836" y="8"/>
                  </a:lnTo>
                  <a:lnTo>
                    <a:pt x="834" y="7"/>
                  </a:lnTo>
                  <a:lnTo>
                    <a:pt x="832" y="7"/>
                  </a:lnTo>
                  <a:lnTo>
                    <a:pt x="830" y="8"/>
                  </a:lnTo>
                  <a:lnTo>
                    <a:pt x="830" y="8"/>
                  </a:lnTo>
                  <a:lnTo>
                    <a:pt x="828" y="6"/>
                  </a:lnTo>
                  <a:lnTo>
                    <a:pt x="828" y="6"/>
                  </a:lnTo>
                  <a:lnTo>
                    <a:pt x="823" y="3"/>
                  </a:lnTo>
                  <a:lnTo>
                    <a:pt x="823" y="3"/>
                  </a:lnTo>
                  <a:lnTo>
                    <a:pt x="822" y="0"/>
                  </a:lnTo>
                  <a:lnTo>
                    <a:pt x="822" y="0"/>
                  </a:lnTo>
                  <a:lnTo>
                    <a:pt x="821" y="0"/>
                  </a:lnTo>
                  <a:lnTo>
                    <a:pt x="820" y="0"/>
                  </a:lnTo>
                  <a:lnTo>
                    <a:pt x="819" y="1"/>
                  </a:lnTo>
                  <a:lnTo>
                    <a:pt x="819" y="1"/>
                  </a:lnTo>
                  <a:lnTo>
                    <a:pt x="817" y="2"/>
                  </a:lnTo>
                  <a:lnTo>
                    <a:pt x="817" y="2"/>
                  </a:lnTo>
                  <a:lnTo>
                    <a:pt x="814" y="5"/>
                  </a:lnTo>
                  <a:lnTo>
                    <a:pt x="813" y="6"/>
                  </a:lnTo>
                  <a:lnTo>
                    <a:pt x="813" y="6"/>
                  </a:lnTo>
                  <a:lnTo>
                    <a:pt x="811" y="5"/>
                  </a:lnTo>
                  <a:lnTo>
                    <a:pt x="809" y="2"/>
                  </a:lnTo>
                  <a:lnTo>
                    <a:pt x="809" y="2"/>
                  </a:lnTo>
                  <a:lnTo>
                    <a:pt x="805" y="1"/>
                  </a:lnTo>
                  <a:lnTo>
                    <a:pt x="803" y="1"/>
                  </a:lnTo>
                  <a:lnTo>
                    <a:pt x="803" y="1"/>
                  </a:lnTo>
                  <a:lnTo>
                    <a:pt x="802" y="2"/>
                  </a:lnTo>
                  <a:lnTo>
                    <a:pt x="801" y="3"/>
                  </a:lnTo>
                  <a:lnTo>
                    <a:pt x="801" y="3"/>
                  </a:lnTo>
                  <a:lnTo>
                    <a:pt x="795" y="3"/>
                  </a:lnTo>
                  <a:lnTo>
                    <a:pt x="795" y="3"/>
                  </a:lnTo>
                  <a:lnTo>
                    <a:pt x="792" y="3"/>
                  </a:lnTo>
                  <a:lnTo>
                    <a:pt x="789" y="5"/>
                  </a:lnTo>
                  <a:lnTo>
                    <a:pt x="789" y="5"/>
                  </a:lnTo>
                  <a:lnTo>
                    <a:pt x="782" y="5"/>
                  </a:lnTo>
                  <a:lnTo>
                    <a:pt x="782" y="5"/>
                  </a:lnTo>
                  <a:lnTo>
                    <a:pt x="779" y="6"/>
                  </a:lnTo>
                  <a:lnTo>
                    <a:pt x="776" y="7"/>
                  </a:lnTo>
                  <a:lnTo>
                    <a:pt x="776" y="7"/>
                  </a:lnTo>
                  <a:lnTo>
                    <a:pt x="774" y="8"/>
                  </a:lnTo>
                  <a:lnTo>
                    <a:pt x="774" y="8"/>
                  </a:lnTo>
                  <a:lnTo>
                    <a:pt x="769" y="10"/>
                  </a:lnTo>
                  <a:lnTo>
                    <a:pt x="769" y="10"/>
                  </a:lnTo>
                  <a:lnTo>
                    <a:pt x="764" y="10"/>
                  </a:lnTo>
                  <a:lnTo>
                    <a:pt x="764" y="10"/>
                  </a:lnTo>
                  <a:lnTo>
                    <a:pt x="761" y="10"/>
                  </a:lnTo>
                  <a:lnTo>
                    <a:pt x="757" y="10"/>
                  </a:lnTo>
                  <a:lnTo>
                    <a:pt x="757" y="10"/>
                  </a:lnTo>
                  <a:lnTo>
                    <a:pt x="756" y="10"/>
                  </a:lnTo>
                  <a:lnTo>
                    <a:pt x="755" y="10"/>
                  </a:lnTo>
                  <a:lnTo>
                    <a:pt x="751" y="11"/>
                  </a:lnTo>
                  <a:lnTo>
                    <a:pt x="751" y="11"/>
                  </a:lnTo>
                  <a:lnTo>
                    <a:pt x="746" y="10"/>
                  </a:lnTo>
                  <a:lnTo>
                    <a:pt x="746" y="10"/>
                  </a:lnTo>
                  <a:lnTo>
                    <a:pt x="742" y="11"/>
                  </a:lnTo>
                  <a:lnTo>
                    <a:pt x="742" y="11"/>
                  </a:lnTo>
                  <a:lnTo>
                    <a:pt x="737" y="10"/>
                  </a:lnTo>
                  <a:lnTo>
                    <a:pt x="733" y="10"/>
                  </a:lnTo>
                  <a:lnTo>
                    <a:pt x="733" y="10"/>
                  </a:lnTo>
                  <a:lnTo>
                    <a:pt x="731" y="10"/>
                  </a:lnTo>
                  <a:lnTo>
                    <a:pt x="731" y="10"/>
                  </a:lnTo>
                  <a:lnTo>
                    <a:pt x="727" y="9"/>
                  </a:lnTo>
                  <a:lnTo>
                    <a:pt x="727" y="9"/>
                  </a:lnTo>
                  <a:lnTo>
                    <a:pt x="724" y="8"/>
                  </a:lnTo>
                  <a:lnTo>
                    <a:pt x="724" y="8"/>
                  </a:lnTo>
                  <a:lnTo>
                    <a:pt x="723" y="8"/>
                  </a:lnTo>
                  <a:lnTo>
                    <a:pt x="722" y="8"/>
                  </a:lnTo>
                  <a:lnTo>
                    <a:pt x="722" y="8"/>
                  </a:lnTo>
                  <a:lnTo>
                    <a:pt x="720" y="9"/>
                  </a:lnTo>
                  <a:lnTo>
                    <a:pt x="720" y="9"/>
                  </a:lnTo>
                  <a:lnTo>
                    <a:pt x="714" y="8"/>
                  </a:lnTo>
                  <a:lnTo>
                    <a:pt x="714" y="8"/>
                  </a:lnTo>
                  <a:lnTo>
                    <a:pt x="706" y="8"/>
                  </a:lnTo>
                  <a:lnTo>
                    <a:pt x="706" y="8"/>
                  </a:lnTo>
                  <a:lnTo>
                    <a:pt x="705" y="8"/>
                  </a:lnTo>
                  <a:lnTo>
                    <a:pt x="705" y="9"/>
                  </a:lnTo>
                  <a:lnTo>
                    <a:pt x="704" y="11"/>
                  </a:lnTo>
                  <a:lnTo>
                    <a:pt x="704" y="11"/>
                  </a:lnTo>
                  <a:lnTo>
                    <a:pt x="703" y="10"/>
                  </a:lnTo>
                  <a:lnTo>
                    <a:pt x="703" y="10"/>
                  </a:lnTo>
                  <a:lnTo>
                    <a:pt x="702" y="9"/>
                  </a:lnTo>
                  <a:lnTo>
                    <a:pt x="701" y="9"/>
                  </a:lnTo>
                  <a:lnTo>
                    <a:pt x="701" y="9"/>
                  </a:lnTo>
                  <a:lnTo>
                    <a:pt x="697" y="11"/>
                  </a:lnTo>
                  <a:lnTo>
                    <a:pt x="697" y="11"/>
                  </a:lnTo>
                  <a:lnTo>
                    <a:pt x="688" y="11"/>
                  </a:lnTo>
                  <a:lnTo>
                    <a:pt x="688" y="11"/>
                  </a:lnTo>
                  <a:lnTo>
                    <a:pt x="686" y="12"/>
                  </a:lnTo>
                  <a:lnTo>
                    <a:pt x="685" y="13"/>
                  </a:lnTo>
                  <a:lnTo>
                    <a:pt x="684" y="15"/>
                  </a:lnTo>
                  <a:lnTo>
                    <a:pt x="684" y="15"/>
                  </a:lnTo>
                  <a:lnTo>
                    <a:pt x="683" y="16"/>
                  </a:lnTo>
                  <a:lnTo>
                    <a:pt x="683" y="16"/>
                  </a:lnTo>
                  <a:lnTo>
                    <a:pt x="679" y="17"/>
                  </a:lnTo>
                  <a:lnTo>
                    <a:pt x="679" y="17"/>
                  </a:lnTo>
                  <a:lnTo>
                    <a:pt x="678" y="16"/>
                  </a:lnTo>
                  <a:lnTo>
                    <a:pt x="677" y="15"/>
                  </a:lnTo>
                  <a:lnTo>
                    <a:pt x="677" y="15"/>
                  </a:lnTo>
                  <a:lnTo>
                    <a:pt x="663" y="17"/>
                  </a:lnTo>
                  <a:lnTo>
                    <a:pt x="663" y="17"/>
                  </a:lnTo>
                  <a:lnTo>
                    <a:pt x="660" y="18"/>
                  </a:lnTo>
                  <a:lnTo>
                    <a:pt x="657" y="19"/>
                  </a:lnTo>
                  <a:lnTo>
                    <a:pt x="653" y="24"/>
                  </a:lnTo>
                  <a:lnTo>
                    <a:pt x="648" y="30"/>
                  </a:lnTo>
                  <a:lnTo>
                    <a:pt x="648" y="30"/>
                  </a:lnTo>
                  <a:lnTo>
                    <a:pt x="645" y="30"/>
                  </a:lnTo>
                  <a:lnTo>
                    <a:pt x="645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1"/>
                  </a:lnTo>
                  <a:lnTo>
                    <a:pt x="643" y="32"/>
                  </a:lnTo>
                  <a:lnTo>
                    <a:pt x="643" y="32"/>
                  </a:lnTo>
                  <a:lnTo>
                    <a:pt x="641" y="32"/>
                  </a:lnTo>
                  <a:lnTo>
                    <a:pt x="641" y="34"/>
                  </a:lnTo>
                  <a:lnTo>
                    <a:pt x="640" y="32"/>
                  </a:lnTo>
                  <a:lnTo>
                    <a:pt x="640" y="32"/>
                  </a:lnTo>
                  <a:lnTo>
                    <a:pt x="639" y="32"/>
                  </a:lnTo>
                  <a:lnTo>
                    <a:pt x="639" y="34"/>
                  </a:lnTo>
                  <a:lnTo>
                    <a:pt x="638" y="36"/>
                  </a:lnTo>
                  <a:lnTo>
                    <a:pt x="638" y="36"/>
                  </a:lnTo>
                  <a:lnTo>
                    <a:pt x="637" y="36"/>
                  </a:lnTo>
                  <a:lnTo>
                    <a:pt x="637" y="36"/>
                  </a:lnTo>
                  <a:lnTo>
                    <a:pt x="634" y="36"/>
                  </a:lnTo>
                  <a:lnTo>
                    <a:pt x="634" y="36"/>
                  </a:lnTo>
                  <a:lnTo>
                    <a:pt x="629" y="34"/>
                  </a:lnTo>
                  <a:lnTo>
                    <a:pt x="629" y="34"/>
                  </a:lnTo>
                  <a:lnTo>
                    <a:pt x="628" y="34"/>
                  </a:lnTo>
                  <a:lnTo>
                    <a:pt x="628" y="35"/>
                  </a:lnTo>
                  <a:lnTo>
                    <a:pt x="627" y="36"/>
                  </a:lnTo>
                  <a:lnTo>
                    <a:pt x="627" y="36"/>
                  </a:lnTo>
                  <a:lnTo>
                    <a:pt x="626" y="38"/>
                  </a:lnTo>
                  <a:lnTo>
                    <a:pt x="626" y="38"/>
                  </a:lnTo>
                  <a:lnTo>
                    <a:pt x="625" y="39"/>
                  </a:lnTo>
                  <a:lnTo>
                    <a:pt x="625" y="39"/>
                  </a:lnTo>
                  <a:lnTo>
                    <a:pt x="618" y="40"/>
                  </a:lnTo>
                  <a:lnTo>
                    <a:pt x="618" y="40"/>
                  </a:lnTo>
                  <a:lnTo>
                    <a:pt x="616" y="41"/>
                  </a:lnTo>
                  <a:lnTo>
                    <a:pt x="615" y="42"/>
                  </a:lnTo>
                  <a:lnTo>
                    <a:pt x="615" y="42"/>
                  </a:lnTo>
                  <a:lnTo>
                    <a:pt x="612" y="44"/>
                  </a:lnTo>
                  <a:lnTo>
                    <a:pt x="610" y="45"/>
                  </a:lnTo>
                  <a:lnTo>
                    <a:pt x="610" y="45"/>
                  </a:lnTo>
                  <a:lnTo>
                    <a:pt x="609" y="45"/>
                  </a:lnTo>
                  <a:lnTo>
                    <a:pt x="609" y="45"/>
                  </a:lnTo>
                  <a:lnTo>
                    <a:pt x="607" y="46"/>
                  </a:lnTo>
                  <a:lnTo>
                    <a:pt x="606" y="47"/>
                  </a:lnTo>
                  <a:lnTo>
                    <a:pt x="606" y="47"/>
                  </a:lnTo>
                  <a:lnTo>
                    <a:pt x="605" y="50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4" y="51"/>
                  </a:lnTo>
                  <a:lnTo>
                    <a:pt x="602" y="51"/>
                  </a:lnTo>
                  <a:lnTo>
                    <a:pt x="601" y="52"/>
                  </a:lnTo>
                  <a:lnTo>
                    <a:pt x="601" y="52"/>
                  </a:lnTo>
                  <a:lnTo>
                    <a:pt x="597" y="52"/>
                  </a:lnTo>
                  <a:lnTo>
                    <a:pt x="597" y="52"/>
                  </a:lnTo>
                  <a:lnTo>
                    <a:pt x="593" y="54"/>
                  </a:lnTo>
                  <a:lnTo>
                    <a:pt x="591" y="55"/>
                  </a:lnTo>
                  <a:lnTo>
                    <a:pt x="591" y="55"/>
                  </a:lnTo>
                  <a:lnTo>
                    <a:pt x="589" y="56"/>
                  </a:lnTo>
                  <a:lnTo>
                    <a:pt x="588" y="56"/>
                  </a:lnTo>
                  <a:lnTo>
                    <a:pt x="588" y="56"/>
                  </a:lnTo>
                  <a:lnTo>
                    <a:pt x="587" y="56"/>
                  </a:lnTo>
                  <a:lnTo>
                    <a:pt x="586" y="57"/>
                  </a:lnTo>
                  <a:lnTo>
                    <a:pt x="585" y="59"/>
                  </a:lnTo>
                  <a:lnTo>
                    <a:pt x="585" y="59"/>
                  </a:lnTo>
                  <a:lnTo>
                    <a:pt x="581" y="61"/>
                  </a:lnTo>
                  <a:lnTo>
                    <a:pt x="581" y="61"/>
                  </a:lnTo>
                  <a:lnTo>
                    <a:pt x="580" y="64"/>
                  </a:lnTo>
                  <a:lnTo>
                    <a:pt x="580" y="64"/>
                  </a:lnTo>
                  <a:lnTo>
                    <a:pt x="578" y="67"/>
                  </a:lnTo>
                  <a:lnTo>
                    <a:pt x="578" y="70"/>
                  </a:lnTo>
                  <a:lnTo>
                    <a:pt x="578" y="70"/>
                  </a:lnTo>
                  <a:lnTo>
                    <a:pt x="577" y="70"/>
                  </a:lnTo>
                  <a:lnTo>
                    <a:pt x="574" y="71"/>
                  </a:lnTo>
                  <a:lnTo>
                    <a:pt x="572" y="71"/>
                  </a:lnTo>
                  <a:lnTo>
                    <a:pt x="572" y="71"/>
                  </a:lnTo>
                  <a:lnTo>
                    <a:pt x="570" y="74"/>
                  </a:lnTo>
                  <a:lnTo>
                    <a:pt x="570" y="77"/>
                  </a:lnTo>
                  <a:lnTo>
                    <a:pt x="570" y="77"/>
                  </a:lnTo>
                  <a:lnTo>
                    <a:pt x="570" y="78"/>
                  </a:lnTo>
                  <a:lnTo>
                    <a:pt x="570" y="79"/>
                  </a:lnTo>
                  <a:lnTo>
                    <a:pt x="570" y="79"/>
                  </a:lnTo>
                  <a:lnTo>
                    <a:pt x="567" y="84"/>
                  </a:lnTo>
                  <a:lnTo>
                    <a:pt x="567" y="84"/>
                  </a:lnTo>
                  <a:lnTo>
                    <a:pt x="566" y="87"/>
                  </a:lnTo>
                  <a:lnTo>
                    <a:pt x="564" y="89"/>
                  </a:lnTo>
                  <a:lnTo>
                    <a:pt x="564" y="89"/>
                  </a:lnTo>
                  <a:lnTo>
                    <a:pt x="560" y="88"/>
                  </a:lnTo>
                  <a:lnTo>
                    <a:pt x="560" y="88"/>
                  </a:lnTo>
                  <a:lnTo>
                    <a:pt x="557" y="88"/>
                  </a:lnTo>
                  <a:lnTo>
                    <a:pt x="553" y="88"/>
                  </a:lnTo>
                  <a:lnTo>
                    <a:pt x="553" y="88"/>
                  </a:lnTo>
                  <a:lnTo>
                    <a:pt x="552" y="90"/>
                  </a:lnTo>
                  <a:lnTo>
                    <a:pt x="551" y="93"/>
                  </a:lnTo>
                  <a:lnTo>
                    <a:pt x="551" y="93"/>
                  </a:lnTo>
                  <a:lnTo>
                    <a:pt x="549" y="94"/>
                  </a:lnTo>
                  <a:lnTo>
                    <a:pt x="549" y="94"/>
                  </a:lnTo>
                  <a:lnTo>
                    <a:pt x="548" y="95"/>
                  </a:lnTo>
                  <a:lnTo>
                    <a:pt x="545" y="98"/>
                  </a:lnTo>
                  <a:lnTo>
                    <a:pt x="545" y="98"/>
                  </a:lnTo>
                  <a:lnTo>
                    <a:pt x="542" y="100"/>
                  </a:lnTo>
                  <a:lnTo>
                    <a:pt x="539" y="100"/>
                  </a:lnTo>
                  <a:lnTo>
                    <a:pt x="534" y="102"/>
                  </a:lnTo>
                  <a:lnTo>
                    <a:pt x="533" y="102"/>
                  </a:lnTo>
                  <a:lnTo>
                    <a:pt x="533" y="102"/>
                  </a:lnTo>
                  <a:lnTo>
                    <a:pt x="531" y="104"/>
                  </a:lnTo>
                  <a:lnTo>
                    <a:pt x="530" y="106"/>
                  </a:lnTo>
                  <a:lnTo>
                    <a:pt x="530" y="106"/>
                  </a:lnTo>
                  <a:lnTo>
                    <a:pt x="528" y="106"/>
                  </a:lnTo>
                  <a:lnTo>
                    <a:pt x="525" y="105"/>
                  </a:lnTo>
                  <a:lnTo>
                    <a:pt x="523" y="104"/>
                  </a:lnTo>
                  <a:lnTo>
                    <a:pt x="522" y="103"/>
                  </a:lnTo>
                  <a:lnTo>
                    <a:pt x="522" y="103"/>
                  </a:lnTo>
                  <a:lnTo>
                    <a:pt x="519" y="105"/>
                  </a:lnTo>
                  <a:lnTo>
                    <a:pt x="518" y="106"/>
                  </a:lnTo>
                  <a:lnTo>
                    <a:pt x="518" y="108"/>
                  </a:lnTo>
                  <a:lnTo>
                    <a:pt x="518" y="108"/>
                  </a:lnTo>
                  <a:lnTo>
                    <a:pt x="520" y="116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2" y="119"/>
                  </a:lnTo>
                  <a:lnTo>
                    <a:pt x="522" y="119"/>
                  </a:lnTo>
                  <a:lnTo>
                    <a:pt x="521" y="125"/>
                  </a:lnTo>
                  <a:lnTo>
                    <a:pt x="518" y="134"/>
                  </a:lnTo>
                  <a:lnTo>
                    <a:pt x="518" y="134"/>
                  </a:lnTo>
                  <a:lnTo>
                    <a:pt x="514" y="138"/>
                  </a:lnTo>
                  <a:lnTo>
                    <a:pt x="509" y="144"/>
                  </a:lnTo>
                  <a:lnTo>
                    <a:pt x="501" y="149"/>
                  </a:lnTo>
                  <a:lnTo>
                    <a:pt x="501" y="149"/>
                  </a:lnTo>
                  <a:lnTo>
                    <a:pt x="499" y="149"/>
                  </a:lnTo>
                  <a:lnTo>
                    <a:pt x="499" y="149"/>
                  </a:lnTo>
                  <a:lnTo>
                    <a:pt x="498" y="149"/>
                  </a:lnTo>
                  <a:lnTo>
                    <a:pt x="498" y="149"/>
                  </a:lnTo>
                  <a:lnTo>
                    <a:pt x="492" y="146"/>
                  </a:lnTo>
                  <a:lnTo>
                    <a:pt x="492" y="146"/>
                  </a:lnTo>
                  <a:lnTo>
                    <a:pt x="486" y="143"/>
                  </a:lnTo>
                  <a:lnTo>
                    <a:pt x="486" y="143"/>
                  </a:lnTo>
                  <a:lnTo>
                    <a:pt x="486" y="142"/>
                  </a:lnTo>
                  <a:lnTo>
                    <a:pt x="484" y="142"/>
                  </a:lnTo>
                  <a:lnTo>
                    <a:pt x="484" y="142"/>
                  </a:lnTo>
                  <a:lnTo>
                    <a:pt x="483" y="143"/>
                  </a:lnTo>
                  <a:lnTo>
                    <a:pt x="482" y="143"/>
                  </a:lnTo>
                  <a:lnTo>
                    <a:pt x="482" y="143"/>
                  </a:lnTo>
                  <a:lnTo>
                    <a:pt x="480" y="144"/>
                  </a:lnTo>
                  <a:lnTo>
                    <a:pt x="480" y="145"/>
                  </a:lnTo>
                  <a:lnTo>
                    <a:pt x="481" y="146"/>
                  </a:lnTo>
                  <a:lnTo>
                    <a:pt x="481" y="146"/>
                  </a:lnTo>
                  <a:lnTo>
                    <a:pt x="484" y="148"/>
                  </a:lnTo>
                  <a:lnTo>
                    <a:pt x="485" y="152"/>
                  </a:lnTo>
                  <a:lnTo>
                    <a:pt x="486" y="155"/>
                  </a:lnTo>
                  <a:lnTo>
                    <a:pt x="486" y="155"/>
                  </a:lnTo>
                  <a:lnTo>
                    <a:pt x="484" y="155"/>
                  </a:lnTo>
                  <a:lnTo>
                    <a:pt x="483" y="155"/>
                  </a:lnTo>
                  <a:lnTo>
                    <a:pt x="483" y="155"/>
                  </a:lnTo>
                  <a:lnTo>
                    <a:pt x="483" y="154"/>
                  </a:lnTo>
                  <a:lnTo>
                    <a:pt x="482" y="153"/>
                  </a:lnTo>
                  <a:lnTo>
                    <a:pt x="482" y="153"/>
                  </a:lnTo>
                  <a:lnTo>
                    <a:pt x="481" y="153"/>
                  </a:lnTo>
                  <a:lnTo>
                    <a:pt x="480" y="154"/>
                  </a:lnTo>
                  <a:lnTo>
                    <a:pt x="480" y="154"/>
                  </a:lnTo>
                  <a:lnTo>
                    <a:pt x="477" y="155"/>
                  </a:lnTo>
                  <a:lnTo>
                    <a:pt x="473" y="156"/>
                  </a:lnTo>
                  <a:lnTo>
                    <a:pt x="473" y="156"/>
                  </a:lnTo>
                  <a:lnTo>
                    <a:pt x="470" y="157"/>
                  </a:lnTo>
                  <a:lnTo>
                    <a:pt x="466" y="159"/>
                  </a:lnTo>
                  <a:lnTo>
                    <a:pt x="464" y="163"/>
                  </a:lnTo>
                  <a:lnTo>
                    <a:pt x="463" y="165"/>
                  </a:lnTo>
                  <a:lnTo>
                    <a:pt x="463" y="165"/>
                  </a:lnTo>
                  <a:lnTo>
                    <a:pt x="466" y="170"/>
                  </a:lnTo>
                  <a:lnTo>
                    <a:pt x="467" y="172"/>
                  </a:lnTo>
                  <a:lnTo>
                    <a:pt x="467" y="173"/>
                  </a:lnTo>
                  <a:lnTo>
                    <a:pt x="466" y="174"/>
                  </a:lnTo>
                  <a:lnTo>
                    <a:pt x="466" y="174"/>
                  </a:lnTo>
                  <a:lnTo>
                    <a:pt x="460" y="178"/>
                  </a:lnTo>
                  <a:lnTo>
                    <a:pt x="455" y="181"/>
                  </a:lnTo>
                  <a:lnTo>
                    <a:pt x="453" y="182"/>
                  </a:lnTo>
                  <a:lnTo>
                    <a:pt x="453" y="182"/>
                  </a:lnTo>
                  <a:lnTo>
                    <a:pt x="451" y="183"/>
                  </a:lnTo>
                  <a:lnTo>
                    <a:pt x="451" y="183"/>
                  </a:lnTo>
                  <a:lnTo>
                    <a:pt x="452" y="183"/>
                  </a:lnTo>
                  <a:lnTo>
                    <a:pt x="452" y="183"/>
                  </a:lnTo>
                  <a:lnTo>
                    <a:pt x="453" y="184"/>
                  </a:lnTo>
                  <a:lnTo>
                    <a:pt x="453" y="187"/>
                  </a:lnTo>
                  <a:lnTo>
                    <a:pt x="452" y="191"/>
                  </a:lnTo>
                  <a:lnTo>
                    <a:pt x="450" y="193"/>
                  </a:lnTo>
                  <a:lnTo>
                    <a:pt x="450" y="193"/>
                  </a:lnTo>
                  <a:lnTo>
                    <a:pt x="447" y="195"/>
                  </a:lnTo>
                  <a:lnTo>
                    <a:pt x="446" y="200"/>
                  </a:lnTo>
                  <a:lnTo>
                    <a:pt x="444" y="206"/>
                  </a:lnTo>
                  <a:lnTo>
                    <a:pt x="444" y="206"/>
                  </a:lnTo>
                  <a:lnTo>
                    <a:pt x="443" y="212"/>
                  </a:lnTo>
                  <a:lnTo>
                    <a:pt x="443" y="212"/>
                  </a:lnTo>
                  <a:lnTo>
                    <a:pt x="442" y="219"/>
                  </a:lnTo>
                  <a:lnTo>
                    <a:pt x="440" y="223"/>
                  </a:lnTo>
                  <a:lnTo>
                    <a:pt x="440" y="223"/>
                  </a:lnTo>
                  <a:lnTo>
                    <a:pt x="438" y="227"/>
                  </a:lnTo>
                  <a:lnTo>
                    <a:pt x="438" y="227"/>
                  </a:lnTo>
                  <a:lnTo>
                    <a:pt x="440" y="230"/>
                  </a:lnTo>
                  <a:lnTo>
                    <a:pt x="440" y="230"/>
                  </a:lnTo>
                  <a:lnTo>
                    <a:pt x="437" y="234"/>
                  </a:lnTo>
                  <a:lnTo>
                    <a:pt x="437" y="234"/>
                  </a:lnTo>
                  <a:lnTo>
                    <a:pt x="435" y="239"/>
                  </a:lnTo>
                  <a:lnTo>
                    <a:pt x="435" y="243"/>
                  </a:lnTo>
                  <a:lnTo>
                    <a:pt x="435" y="243"/>
                  </a:lnTo>
                  <a:lnTo>
                    <a:pt x="437" y="243"/>
                  </a:lnTo>
                  <a:lnTo>
                    <a:pt x="437" y="243"/>
                  </a:lnTo>
                  <a:lnTo>
                    <a:pt x="438" y="245"/>
                  </a:lnTo>
                  <a:lnTo>
                    <a:pt x="438" y="246"/>
                  </a:lnTo>
                  <a:lnTo>
                    <a:pt x="438" y="246"/>
                  </a:lnTo>
                  <a:lnTo>
                    <a:pt x="438" y="248"/>
                  </a:lnTo>
                  <a:lnTo>
                    <a:pt x="436" y="249"/>
                  </a:lnTo>
                  <a:lnTo>
                    <a:pt x="436" y="249"/>
                  </a:lnTo>
                  <a:lnTo>
                    <a:pt x="436" y="250"/>
                  </a:lnTo>
                  <a:lnTo>
                    <a:pt x="436" y="251"/>
                  </a:lnTo>
                  <a:lnTo>
                    <a:pt x="435" y="252"/>
                  </a:lnTo>
                  <a:lnTo>
                    <a:pt x="435" y="252"/>
                  </a:lnTo>
                  <a:lnTo>
                    <a:pt x="435" y="254"/>
                  </a:lnTo>
                  <a:lnTo>
                    <a:pt x="435" y="256"/>
                  </a:lnTo>
                  <a:lnTo>
                    <a:pt x="435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1" y="259"/>
                  </a:lnTo>
                  <a:lnTo>
                    <a:pt x="431" y="259"/>
                  </a:lnTo>
                  <a:lnTo>
                    <a:pt x="428" y="260"/>
                  </a:lnTo>
                  <a:lnTo>
                    <a:pt x="428" y="260"/>
                  </a:lnTo>
                  <a:lnTo>
                    <a:pt x="427" y="262"/>
                  </a:lnTo>
                  <a:lnTo>
                    <a:pt x="427" y="264"/>
                  </a:lnTo>
                  <a:lnTo>
                    <a:pt x="427" y="264"/>
                  </a:lnTo>
                  <a:lnTo>
                    <a:pt x="428" y="265"/>
                  </a:lnTo>
                  <a:lnTo>
                    <a:pt x="431" y="264"/>
                  </a:lnTo>
                  <a:lnTo>
                    <a:pt x="431" y="264"/>
                  </a:lnTo>
                  <a:lnTo>
                    <a:pt x="433" y="262"/>
                  </a:lnTo>
                  <a:lnTo>
                    <a:pt x="433" y="262"/>
                  </a:lnTo>
                  <a:lnTo>
                    <a:pt x="434" y="263"/>
                  </a:lnTo>
                  <a:lnTo>
                    <a:pt x="434" y="263"/>
                  </a:lnTo>
                  <a:lnTo>
                    <a:pt x="434" y="268"/>
                  </a:lnTo>
                  <a:lnTo>
                    <a:pt x="434" y="268"/>
                  </a:lnTo>
                  <a:lnTo>
                    <a:pt x="433" y="273"/>
                  </a:lnTo>
                  <a:lnTo>
                    <a:pt x="433" y="273"/>
                  </a:lnTo>
                  <a:lnTo>
                    <a:pt x="432" y="278"/>
                  </a:lnTo>
                  <a:lnTo>
                    <a:pt x="432" y="278"/>
                  </a:lnTo>
                  <a:lnTo>
                    <a:pt x="429" y="281"/>
                  </a:lnTo>
                  <a:lnTo>
                    <a:pt x="428" y="283"/>
                  </a:lnTo>
                  <a:lnTo>
                    <a:pt x="428" y="284"/>
                  </a:lnTo>
                  <a:lnTo>
                    <a:pt x="428" y="284"/>
                  </a:lnTo>
                  <a:lnTo>
                    <a:pt x="429" y="288"/>
                  </a:lnTo>
                  <a:lnTo>
                    <a:pt x="429" y="291"/>
                  </a:lnTo>
                  <a:lnTo>
                    <a:pt x="429" y="291"/>
                  </a:lnTo>
                  <a:lnTo>
                    <a:pt x="431" y="292"/>
                  </a:lnTo>
                  <a:lnTo>
                    <a:pt x="431" y="293"/>
                  </a:lnTo>
                  <a:lnTo>
                    <a:pt x="429" y="295"/>
                  </a:lnTo>
                  <a:lnTo>
                    <a:pt x="429" y="295"/>
                  </a:lnTo>
                  <a:lnTo>
                    <a:pt x="429" y="297"/>
                  </a:lnTo>
                  <a:lnTo>
                    <a:pt x="431" y="299"/>
                  </a:lnTo>
                  <a:lnTo>
                    <a:pt x="433" y="302"/>
                  </a:lnTo>
                  <a:lnTo>
                    <a:pt x="433" y="302"/>
                  </a:lnTo>
                  <a:lnTo>
                    <a:pt x="434" y="311"/>
                  </a:lnTo>
                  <a:lnTo>
                    <a:pt x="434" y="311"/>
                  </a:lnTo>
                  <a:lnTo>
                    <a:pt x="435" y="317"/>
                  </a:lnTo>
                  <a:lnTo>
                    <a:pt x="436" y="320"/>
                  </a:lnTo>
                  <a:lnTo>
                    <a:pt x="436" y="320"/>
                  </a:lnTo>
                  <a:lnTo>
                    <a:pt x="438" y="323"/>
                  </a:lnTo>
                  <a:lnTo>
                    <a:pt x="438" y="323"/>
                  </a:lnTo>
                  <a:lnTo>
                    <a:pt x="438" y="330"/>
                  </a:lnTo>
                  <a:lnTo>
                    <a:pt x="437" y="334"/>
                  </a:lnTo>
                  <a:lnTo>
                    <a:pt x="437" y="334"/>
                  </a:lnTo>
                  <a:lnTo>
                    <a:pt x="438" y="340"/>
                  </a:lnTo>
                  <a:lnTo>
                    <a:pt x="438" y="340"/>
                  </a:lnTo>
                  <a:lnTo>
                    <a:pt x="440" y="343"/>
                  </a:lnTo>
                  <a:lnTo>
                    <a:pt x="440" y="344"/>
                  </a:lnTo>
                  <a:lnTo>
                    <a:pt x="440" y="344"/>
                  </a:lnTo>
                  <a:lnTo>
                    <a:pt x="440" y="347"/>
                  </a:lnTo>
                  <a:lnTo>
                    <a:pt x="440" y="347"/>
                  </a:lnTo>
                  <a:lnTo>
                    <a:pt x="438" y="351"/>
                  </a:lnTo>
                  <a:lnTo>
                    <a:pt x="438" y="351"/>
                  </a:lnTo>
                  <a:lnTo>
                    <a:pt x="440" y="361"/>
                  </a:lnTo>
                  <a:lnTo>
                    <a:pt x="440" y="361"/>
                  </a:lnTo>
                  <a:lnTo>
                    <a:pt x="442" y="373"/>
                  </a:lnTo>
                  <a:lnTo>
                    <a:pt x="444" y="382"/>
                  </a:lnTo>
                  <a:lnTo>
                    <a:pt x="444" y="382"/>
                  </a:lnTo>
                  <a:lnTo>
                    <a:pt x="448" y="383"/>
                  </a:lnTo>
                  <a:lnTo>
                    <a:pt x="448" y="383"/>
                  </a:lnTo>
                  <a:lnTo>
                    <a:pt x="450" y="385"/>
                  </a:lnTo>
                  <a:lnTo>
                    <a:pt x="451" y="387"/>
                  </a:lnTo>
                  <a:lnTo>
                    <a:pt x="451" y="387"/>
                  </a:lnTo>
                  <a:lnTo>
                    <a:pt x="450" y="392"/>
                  </a:lnTo>
                  <a:lnTo>
                    <a:pt x="450" y="392"/>
                  </a:lnTo>
                  <a:lnTo>
                    <a:pt x="451" y="395"/>
                  </a:lnTo>
                  <a:lnTo>
                    <a:pt x="452" y="396"/>
                  </a:lnTo>
                  <a:lnTo>
                    <a:pt x="452" y="396"/>
                  </a:lnTo>
                  <a:lnTo>
                    <a:pt x="452" y="398"/>
                  </a:lnTo>
                  <a:lnTo>
                    <a:pt x="452" y="398"/>
                  </a:lnTo>
                  <a:lnTo>
                    <a:pt x="453" y="401"/>
                  </a:lnTo>
                  <a:lnTo>
                    <a:pt x="453" y="401"/>
                  </a:lnTo>
                  <a:lnTo>
                    <a:pt x="454" y="401"/>
                  </a:lnTo>
                  <a:lnTo>
                    <a:pt x="454" y="402"/>
                  </a:lnTo>
                  <a:lnTo>
                    <a:pt x="454" y="402"/>
                  </a:lnTo>
                  <a:lnTo>
                    <a:pt x="454" y="409"/>
                  </a:lnTo>
                  <a:lnTo>
                    <a:pt x="454" y="409"/>
                  </a:lnTo>
                  <a:lnTo>
                    <a:pt x="453" y="416"/>
                  </a:lnTo>
                  <a:lnTo>
                    <a:pt x="453" y="416"/>
                  </a:lnTo>
                  <a:lnTo>
                    <a:pt x="454" y="420"/>
                  </a:lnTo>
                  <a:lnTo>
                    <a:pt x="455" y="423"/>
                  </a:lnTo>
                  <a:lnTo>
                    <a:pt x="455" y="423"/>
                  </a:lnTo>
                  <a:lnTo>
                    <a:pt x="455" y="427"/>
                  </a:lnTo>
                  <a:lnTo>
                    <a:pt x="455" y="427"/>
                  </a:lnTo>
                  <a:lnTo>
                    <a:pt x="457" y="434"/>
                  </a:lnTo>
                  <a:lnTo>
                    <a:pt x="457" y="434"/>
                  </a:lnTo>
                  <a:lnTo>
                    <a:pt x="457" y="440"/>
                  </a:lnTo>
                  <a:lnTo>
                    <a:pt x="457" y="447"/>
                  </a:lnTo>
                  <a:lnTo>
                    <a:pt x="457" y="447"/>
                  </a:lnTo>
                  <a:lnTo>
                    <a:pt x="461" y="455"/>
                  </a:lnTo>
                  <a:lnTo>
                    <a:pt x="461" y="455"/>
                  </a:lnTo>
                  <a:lnTo>
                    <a:pt x="461" y="457"/>
                  </a:lnTo>
                  <a:lnTo>
                    <a:pt x="461" y="457"/>
                  </a:lnTo>
                  <a:lnTo>
                    <a:pt x="461" y="465"/>
                  </a:lnTo>
                  <a:lnTo>
                    <a:pt x="461" y="465"/>
                  </a:lnTo>
                  <a:lnTo>
                    <a:pt x="461" y="470"/>
                  </a:lnTo>
                  <a:lnTo>
                    <a:pt x="461" y="478"/>
                  </a:lnTo>
                  <a:lnTo>
                    <a:pt x="461" y="478"/>
                  </a:lnTo>
                  <a:lnTo>
                    <a:pt x="461" y="486"/>
                  </a:lnTo>
                  <a:lnTo>
                    <a:pt x="460" y="489"/>
                  </a:lnTo>
                  <a:lnTo>
                    <a:pt x="460" y="489"/>
                  </a:lnTo>
                  <a:lnTo>
                    <a:pt x="456" y="494"/>
                  </a:lnTo>
                  <a:lnTo>
                    <a:pt x="453" y="503"/>
                  </a:lnTo>
                  <a:lnTo>
                    <a:pt x="453" y="503"/>
                  </a:lnTo>
                  <a:lnTo>
                    <a:pt x="452" y="509"/>
                  </a:lnTo>
                  <a:lnTo>
                    <a:pt x="452" y="509"/>
                  </a:lnTo>
                  <a:lnTo>
                    <a:pt x="452" y="511"/>
                  </a:lnTo>
                  <a:lnTo>
                    <a:pt x="452" y="511"/>
                  </a:lnTo>
                  <a:lnTo>
                    <a:pt x="452" y="514"/>
                  </a:lnTo>
                  <a:lnTo>
                    <a:pt x="452" y="514"/>
                  </a:lnTo>
                  <a:lnTo>
                    <a:pt x="452" y="516"/>
                  </a:lnTo>
                  <a:lnTo>
                    <a:pt x="452" y="516"/>
                  </a:lnTo>
                  <a:lnTo>
                    <a:pt x="452" y="527"/>
                  </a:lnTo>
                  <a:lnTo>
                    <a:pt x="452" y="527"/>
                  </a:lnTo>
                  <a:lnTo>
                    <a:pt x="451" y="538"/>
                  </a:lnTo>
                  <a:lnTo>
                    <a:pt x="451" y="538"/>
                  </a:lnTo>
                  <a:lnTo>
                    <a:pt x="451" y="543"/>
                  </a:lnTo>
                  <a:lnTo>
                    <a:pt x="451" y="543"/>
                  </a:lnTo>
                  <a:lnTo>
                    <a:pt x="452" y="553"/>
                  </a:lnTo>
                  <a:lnTo>
                    <a:pt x="452" y="553"/>
                  </a:lnTo>
                  <a:lnTo>
                    <a:pt x="452" y="571"/>
                  </a:lnTo>
                  <a:lnTo>
                    <a:pt x="452" y="571"/>
                  </a:lnTo>
                  <a:lnTo>
                    <a:pt x="453" y="587"/>
                  </a:lnTo>
                  <a:lnTo>
                    <a:pt x="453" y="587"/>
                  </a:lnTo>
                  <a:lnTo>
                    <a:pt x="454" y="603"/>
                  </a:lnTo>
                  <a:lnTo>
                    <a:pt x="454" y="603"/>
                  </a:lnTo>
                  <a:lnTo>
                    <a:pt x="455" y="610"/>
                  </a:lnTo>
                  <a:lnTo>
                    <a:pt x="457" y="613"/>
                  </a:lnTo>
                  <a:lnTo>
                    <a:pt x="457" y="613"/>
                  </a:lnTo>
                  <a:lnTo>
                    <a:pt x="457" y="615"/>
                  </a:lnTo>
                  <a:lnTo>
                    <a:pt x="457" y="615"/>
                  </a:lnTo>
                  <a:lnTo>
                    <a:pt x="458" y="616"/>
                  </a:lnTo>
                  <a:lnTo>
                    <a:pt x="458" y="616"/>
                  </a:lnTo>
                  <a:lnTo>
                    <a:pt x="458" y="620"/>
                  </a:lnTo>
                  <a:lnTo>
                    <a:pt x="458" y="620"/>
                  </a:lnTo>
                  <a:lnTo>
                    <a:pt x="462" y="630"/>
                  </a:lnTo>
                  <a:lnTo>
                    <a:pt x="462" y="630"/>
                  </a:lnTo>
                  <a:lnTo>
                    <a:pt x="464" y="634"/>
                  </a:lnTo>
                  <a:lnTo>
                    <a:pt x="465" y="636"/>
                  </a:lnTo>
                  <a:lnTo>
                    <a:pt x="465" y="636"/>
                  </a:lnTo>
                  <a:lnTo>
                    <a:pt x="465" y="638"/>
                  </a:lnTo>
                  <a:lnTo>
                    <a:pt x="465" y="638"/>
                  </a:lnTo>
                  <a:lnTo>
                    <a:pt x="469" y="644"/>
                  </a:lnTo>
                  <a:lnTo>
                    <a:pt x="469" y="644"/>
                  </a:lnTo>
                  <a:lnTo>
                    <a:pt x="472" y="653"/>
                  </a:lnTo>
                  <a:lnTo>
                    <a:pt x="474" y="661"/>
                  </a:lnTo>
                  <a:lnTo>
                    <a:pt x="474" y="661"/>
                  </a:lnTo>
                  <a:lnTo>
                    <a:pt x="476" y="664"/>
                  </a:lnTo>
                  <a:lnTo>
                    <a:pt x="477" y="667"/>
                  </a:lnTo>
                  <a:lnTo>
                    <a:pt x="477" y="667"/>
                  </a:lnTo>
                  <a:lnTo>
                    <a:pt x="479" y="670"/>
                  </a:lnTo>
                  <a:lnTo>
                    <a:pt x="481" y="673"/>
                  </a:lnTo>
                  <a:lnTo>
                    <a:pt x="481" y="673"/>
                  </a:lnTo>
                  <a:lnTo>
                    <a:pt x="484" y="678"/>
                  </a:lnTo>
                  <a:lnTo>
                    <a:pt x="484" y="678"/>
                  </a:lnTo>
                  <a:lnTo>
                    <a:pt x="486" y="682"/>
                  </a:lnTo>
                  <a:lnTo>
                    <a:pt x="486" y="682"/>
                  </a:lnTo>
                  <a:lnTo>
                    <a:pt x="491" y="687"/>
                  </a:lnTo>
                  <a:lnTo>
                    <a:pt x="494" y="691"/>
                  </a:lnTo>
                  <a:lnTo>
                    <a:pt x="494" y="691"/>
                  </a:lnTo>
                  <a:lnTo>
                    <a:pt x="496" y="693"/>
                  </a:lnTo>
                  <a:lnTo>
                    <a:pt x="496" y="693"/>
                  </a:lnTo>
                  <a:lnTo>
                    <a:pt x="499" y="696"/>
                  </a:lnTo>
                  <a:lnTo>
                    <a:pt x="500" y="699"/>
                  </a:lnTo>
                  <a:lnTo>
                    <a:pt x="500" y="699"/>
                  </a:lnTo>
                  <a:lnTo>
                    <a:pt x="506" y="704"/>
                  </a:lnTo>
                  <a:lnTo>
                    <a:pt x="506" y="704"/>
                  </a:lnTo>
                  <a:lnTo>
                    <a:pt x="510" y="708"/>
                  </a:lnTo>
                  <a:lnTo>
                    <a:pt x="510" y="708"/>
                  </a:lnTo>
                  <a:lnTo>
                    <a:pt x="513" y="710"/>
                  </a:lnTo>
                  <a:lnTo>
                    <a:pt x="513" y="710"/>
                  </a:lnTo>
                  <a:lnTo>
                    <a:pt x="520" y="714"/>
                  </a:lnTo>
                  <a:lnTo>
                    <a:pt x="520" y="714"/>
                  </a:lnTo>
                  <a:lnTo>
                    <a:pt x="522" y="717"/>
                  </a:lnTo>
                  <a:lnTo>
                    <a:pt x="522" y="717"/>
                  </a:lnTo>
                  <a:lnTo>
                    <a:pt x="525" y="718"/>
                  </a:lnTo>
                  <a:lnTo>
                    <a:pt x="528" y="718"/>
                  </a:lnTo>
                  <a:lnTo>
                    <a:pt x="528" y="718"/>
                  </a:lnTo>
                  <a:lnTo>
                    <a:pt x="532" y="732"/>
                  </a:lnTo>
                  <a:lnTo>
                    <a:pt x="533" y="736"/>
                  </a:lnTo>
                  <a:lnTo>
                    <a:pt x="533" y="736"/>
                  </a:lnTo>
                  <a:lnTo>
                    <a:pt x="537" y="751"/>
                  </a:lnTo>
                  <a:lnTo>
                    <a:pt x="537" y="751"/>
                  </a:lnTo>
                  <a:lnTo>
                    <a:pt x="539" y="757"/>
                  </a:lnTo>
                  <a:lnTo>
                    <a:pt x="539" y="757"/>
                  </a:lnTo>
                  <a:lnTo>
                    <a:pt x="540" y="761"/>
                  </a:lnTo>
                  <a:lnTo>
                    <a:pt x="540" y="761"/>
                  </a:lnTo>
                  <a:lnTo>
                    <a:pt x="540" y="762"/>
                  </a:lnTo>
                  <a:lnTo>
                    <a:pt x="541" y="766"/>
                  </a:lnTo>
                  <a:lnTo>
                    <a:pt x="541" y="766"/>
                  </a:lnTo>
                  <a:lnTo>
                    <a:pt x="544" y="776"/>
                  </a:lnTo>
                  <a:lnTo>
                    <a:pt x="544" y="776"/>
                  </a:lnTo>
                  <a:lnTo>
                    <a:pt x="545" y="779"/>
                  </a:lnTo>
                  <a:lnTo>
                    <a:pt x="545" y="779"/>
                  </a:lnTo>
                  <a:lnTo>
                    <a:pt x="545" y="782"/>
                  </a:lnTo>
                  <a:lnTo>
                    <a:pt x="545" y="782"/>
                  </a:lnTo>
                  <a:lnTo>
                    <a:pt x="548" y="788"/>
                  </a:lnTo>
                  <a:lnTo>
                    <a:pt x="548" y="788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1" y="793"/>
                  </a:lnTo>
                  <a:lnTo>
                    <a:pt x="551" y="793"/>
                  </a:lnTo>
                  <a:lnTo>
                    <a:pt x="551" y="794"/>
                  </a:lnTo>
                  <a:lnTo>
                    <a:pt x="551" y="795"/>
                  </a:lnTo>
                  <a:lnTo>
                    <a:pt x="551" y="795"/>
                  </a:lnTo>
                  <a:lnTo>
                    <a:pt x="553" y="797"/>
                  </a:lnTo>
                  <a:lnTo>
                    <a:pt x="553" y="797"/>
                  </a:lnTo>
                  <a:lnTo>
                    <a:pt x="554" y="798"/>
                  </a:lnTo>
                  <a:lnTo>
                    <a:pt x="554" y="798"/>
                  </a:lnTo>
                  <a:lnTo>
                    <a:pt x="553" y="798"/>
                  </a:lnTo>
                  <a:lnTo>
                    <a:pt x="553" y="798"/>
                  </a:lnTo>
                  <a:lnTo>
                    <a:pt x="554" y="804"/>
                  </a:lnTo>
                  <a:lnTo>
                    <a:pt x="554" y="804"/>
                  </a:lnTo>
                  <a:lnTo>
                    <a:pt x="557" y="809"/>
                  </a:lnTo>
                  <a:lnTo>
                    <a:pt x="560" y="815"/>
                  </a:lnTo>
                  <a:lnTo>
                    <a:pt x="560" y="815"/>
                  </a:lnTo>
                  <a:lnTo>
                    <a:pt x="566" y="827"/>
                  </a:lnTo>
                  <a:lnTo>
                    <a:pt x="566" y="827"/>
                  </a:lnTo>
                  <a:lnTo>
                    <a:pt x="568" y="832"/>
                  </a:lnTo>
                  <a:lnTo>
                    <a:pt x="568" y="832"/>
                  </a:lnTo>
                  <a:lnTo>
                    <a:pt x="573" y="840"/>
                  </a:lnTo>
                  <a:lnTo>
                    <a:pt x="573" y="840"/>
                  </a:lnTo>
                  <a:lnTo>
                    <a:pt x="577" y="845"/>
                  </a:lnTo>
                  <a:lnTo>
                    <a:pt x="577" y="845"/>
                  </a:lnTo>
                  <a:lnTo>
                    <a:pt x="578" y="847"/>
                  </a:lnTo>
                  <a:lnTo>
                    <a:pt x="578" y="850"/>
                  </a:lnTo>
                  <a:lnTo>
                    <a:pt x="579" y="856"/>
                  </a:lnTo>
                  <a:lnTo>
                    <a:pt x="579" y="856"/>
                  </a:lnTo>
                  <a:lnTo>
                    <a:pt x="578" y="864"/>
                  </a:lnTo>
                  <a:lnTo>
                    <a:pt x="578" y="864"/>
                  </a:lnTo>
                  <a:lnTo>
                    <a:pt x="579" y="871"/>
                  </a:lnTo>
                  <a:lnTo>
                    <a:pt x="580" y="877"/>
                  </a:lnTo>
                  <a:lnTo>
                    <a:pt x="580" y="877"/>
                  </a:lnTo>
                  <a:lnTo>
                    <a:pt x="580" y="901"/>
                  </a:lnTo>
                  <a:lnTo>
                    <a:pt x="580" y="901"/>
                  </a:lnTo>
                  <a:lnTo>
                    <a:pt x="579" y="907"/>
                  </a:lnTo>
                  <a:lnTo>
                    <a:pt x="578" y="910"/>
                  </a:lnTo>
                  <a:lnTo>
                    <a:pt x="577" y="911"/>
                  </a:lnTo>
                  <a:lnTo>
                    <a:pt x="577" y="911"/>
                  </a:lnTo>
                  <a:lnTo>
                    <a:pt x="573" y="911"/>
                  </a:lnTo>
                  <a:lnTo>
                    <a:pt x="571" y="912"/>
                  </a:lnTo>
                  <a:lnTo>
                    <a:pt x="571" y="912"/>
                  </a:lnTo>
                  <a:lnTo>
                    <a:pt x="569" y="913"/>
                  </a:lnTo>
                  <a:lnTo>
                    <a:pt x="569" y="913"/>
                  </a:lnTo>
                  <a:lnTo>
                    <a:pt x="566" y="913"/>
                  </a:lnTo>
                  <a:lnTo>
                    <a:pt x="566" y="913"/>
                  </a:lnTo>
                  <a:lnTo>
                    <a:pt x="561" y="914"/>
                  </a:lnTo>
                  <a:lnTo>
                    <a:pt x="561" y="914"/>
                  </a:lnTo>
                  <a:lnTo>
                    <a:pt x="554" y="915"/>
                  </a:lnTo>
                  <a:lnTo>
                    <a:pt x="554" y="915"/>
                  </a:lnTo>
                  <a:lnTo>
                    <a:pt x="552" y="915"/>
                  </a:lnTo>
                  <a:lnTo>
                    <a:pt x="551" y="916"/>
                  </a:lnTo>
                  <a:lnTo>
                    <a:pt x="549" y="917"/>
                  </a:lnTo>
                  <a:lnTo>
                    <a:pt x="549" y="917"/>
                  </a:lnTo>
                  <a:lnTo>
                    <a:pt x="545" y="916"/>
                  </a:lnTo>
                  <a:lnTo>
                    <a:pt x="545" y="916"/>
                  </a:lnTo>
                  <a:lnTo>
                    <a:pt x="543" y="917"/>
                  </a:lnTo>
                  <a:lnTo>
                    <a:pt x="541" y="918"/>
                  </a:lnTo>
                  <a:lnTo>
                    <a:pt x="541" y="918"/>
                  </a:lnTo>
                  <a:lnTo>
                    <a:pt x="532" y="921"/>
                  </a:lnTo>
                  <a:lnTo>
                    <a:pt x="532" y="921"/>
                  </a:lnTo>
                  <a:lnTo>
                    <a:pt x="531" y="923"/>
                  </a:lnTo>
                  <a:lnTo>
                    <a:pt x="530" y="924"/>
                  </a:lnTo>
                  <a:lnTo>
                    <a:pt x="530" y="924"/>
                  </a:lnTo>
                  <a:lnTo>
                    <a:pt x="527" y="925"/>
                  </a:lnTo>
                  <a:lnTo>
                    <a:pt x="527" y="925"/>
                  </a:lnTo>
                  <a:lnTo>
                    <a:pt x="522" y="927"/>
                  </a:lnTo>
                  <a:lnTo>
                    <a:pt x="522" y="927"/>
                  </a:lnTo>
                  <a:lnTo>
                    <a:pt x="519" y="930"/>
                  </a:lnTo>
                  <a:lnTo>
                    <a:pt x="518" y="931"/>
                  </a:lnTo>
                  <a:lnTo>
                    <a:pt x="518" y="931"/>
                  </a:lnTo>
                  <a:lnTo>
                    <a:pt x="511" y="936"/>
                  </a:lnTo>
                  <a:lnTo>
                    <a:pt x="511" y="936"/>
                  </a:lnTo>
                  <a:lnTo>
                    <a:pt x="508" y="939"/>
                  </a:lnTo>
                  <a:lnTo>
                    <a:pt x="505" y="942"/>
                  </a:lnTo>
                  <a:lnTo>
                    <a:pt x="503" y="947"/>
                  </a:lnTo>
                  <a:lnTo>
                    <a:pt x="503" y="947"/>
                  </a:lnTo>
                  <a:lnTo>
                    <a:pt x="501" y="950"/>
                  </a:lnTo>
                  <a:lnTo>
                    <a:pt x="498" y="951"/>
                  </a:lnTo>
                  <a:lnTo>
                    <a:pt x="498" y="951"/>
                  </a:lnTo>
                  <a:lnTo>
                    <a:pt x="495" y="954"/>
                  </a:lnTo>
                  <a:lnTo>
                    <a:pt x="494" y="956"/>
                  </a:lnTo>
                  <a:lnTo>
                    <a:pt x="494" y="956"/>
                  </a:lnTo>
                  <a:lnTo>
                    <a:pt x="492" y="956"/>
                  </a:lnTo>
                  <a:lnTo>
                    <a:pt x="490" y="955"/>
                  </a:lnTo>
                  <a:lnTo>
                    <a:pt x="490" y="955"/>
                  </a:lnTo>
                  <a:lnTo>
                    <a:pt x="489" y="955"/>
                  </a:lnTo>
                  <a:lnTo>
                    <a:pt x="487" y="956"/>
                  </a:lnTo>
                  <a:lnTo>
                    <a:pt x="485" y="957"/>
                  </a:lnTo>
                  <a:lnTo>
                    <a:pt x="485" y="957"/>
                  </a:lnTo>
                  <a:lnTo>
                    <a:pt x="484" y="959"/>
                  </a:lnTo>
                  <a:lnTo>
                    <a:pt x="484" y="959"/>
                  </a:lnTo>
                  <a:lnTo>
                    <a:pt x="482" y="960"/>
                  </a:lnTo>
                  <a:lnTo>
                    <a:pt x="482" y="960"/>
                  </a:lnTo>
                  <a:lnTo>
                    <a:pt x="479" y="961"/>
                  </a:lnTo>
                  <a:lnTo>
                    <a:pt x="479" y="961"/>
                  </a:lnTo>
                  <a:lnTo>
                    <a:pt x="472" y="964"/>
                  </a:lnTo>
                  <a:lnTo>
                    <a:pt x="472" y="964"/>
                  </a:lnTo>
                  <a:lnTo>
                    <a:pt x="469" y="965"/>
                  </a:lnTo>
                  <a:lnTo>
                    <a:pt x="469" y="965"/>
                  </a:lnTo>
                  <a:lnTo>
                    <a:pt x="465" y="964"/>
                  </a:lnTo>
                  <a:lnTo>
                    <a:pt x="465" y="964"/>
                  </a:lnTo>
                  <a:lnTo>
                    <a:pt x="464" y="965"/>
                  </a:lnTo>
                  <a:lnTo>
                    <a:pt x="463" y="965"/>
                  </a:lnTo>
                  <a:lnTo>
                    <a:pt x="463" y="965"/>
                  </a:lnTo>
                  <a:lnTo>
                    <a:pt x="461" y="965"/>
                  </a:lnTo>
                  <a:lnTo>
                    <a:pt x="461" y="965"/>
                  </a:lnTo>
                  <a:lnTo>
                    <a:pt x="455" y="963"/>
                  </a:lnTo>
                  <a:lnTo>
                    <a:pt x="455" y="963"/>
                  </a:lnTo>
                  <a:lnTo>
                    <a:pt x="454" y="964"/>
                  </a:lnTo>
                  <a:lnTo>
                    <a:pt x="453" y="964"/>
                  </a:lnTo>
                  <a:lnTo>
                    <a:pt x="453" y="964"/>
                  </a:lnTo>
                  <a:lnTo>
                    <a:pt x="451" y="964"/>
                  </a:lnTo>
                  <a:lnTo>
                    <a:pt x="451" y="964"/>
                  </a:lnTo>
                  <a:lnTo>
                    <a:pt x="447" y="965"/>
                  </a:lnTo>
                  <a:lnTo>
                    <a:pt x="445" y="966"/>
                  </a:lnTo>
                  <a:lnTo>
                    <a:pt x="445" y="966"/>
                  </a:lnTo>
                  <a:lnTo>
                    <a:pt x="444" y="967"/>
                  </a:lnTo>
                  <a:lnTo>
                    <a:pt x="443" y="967"/>
                  </a:lnTo>
                  <a:lnTo>
                    <a:pt x="443" y="967"/>
                  </a:lnTo>
                  <a:lnTo>
                    <a:pt x="438" y="969"/>
                  </a:lnTo>
                  <a:lnTo>
                    <a:pt x="438" y="969"/>
                  </a:lnTo>
                  <a:lnTo>
                    <a:pt x="437" y="970"/>
                  </a:lnTo>
                  <a:lnTo>
                    <a:pt x="436" y="971"/>
                  </a:lnTo>
                  <a:lnTo>
                    <a:pt x="436" y="971"/>
                  </a:lnTo>
                  <a:lnTo>
                    <a:pt x="433" y="972"/>
                  </a:lnTo>
                  <a:lnTo>
                    <a:pt x="433" y="972"/>
                  </a:lnTo>
                  <a:lnTo>
                    <a:pt x="425" y="974"/>
                  </a:lnTo>
                  <a:lnTo>
                    <a:pt x="425" y="974"/>
                  </a:lnTo>
                  <a:lnTo>
                    <a:pt x="422" y="976"/>
                  </a:lnTo>
                  <a:lnTo>
                    <a:pt x="419" y="978"/>
                  </a:lnTo>
                  <a:lnTo>
                    <a:pt x="419" y="978"/>
                  </a:lnTo>
                  <a:lnTo>
                    <a:pt x="416" y="980"/>
                  </a:lnTo>
                  <a:lnTo>
                    <a:pt x="412" y="981"/>
                  </a:lnTo>
                  <a:lnTo>
                    <a:pt x="412" y="981"/>
                  </a:lnTo>
                  <a:lnTo>
                    <a:pt x="406" y="984"/>
                  </a:lnTo>
                  <a:lnTo>
                    <a:pt x="403" y="986"/>
                  </a:lnTo>
                  <a:lnTo>
                    <a:pt x="403" y="986"/>
                  </a:lnTo>
                  <a:lnTo>
                    <a:pt x="400" y="988"/>
                  </a:lnTo>
                  <a:lnTo>
                    <a:pt x="400" y="988"/>
                  </a:lnTo>
                  <a:lnTo>
                    <a:pt x="395" y="989"/>
                  </a:lnTo>
                  <a:lnTo>
                    <a:pt x="395" y="989"/>
                  </a:lnTo>
                  <a:lnTo>
                    <a:pt x="388" y="992"/>
                  </a:lnTo>
                  <a:lnTo>
                    <a:pt x="388" y="992"/>
                  </a:lnTo>
                  <a:lnTo>
                    <a:pt x="377" y="999"/>
                  </a:lnTo>
                  <a:lnTo>
                    <a:pt x="377" y="999"/>
                  </a:lnTo>
                  <a:lnTo>
                    <a:pt x="374" y="1001"/>
                  </a:lnTo>
                  <a:lnTo>
                    <a:pt x="374" y="1001"/>
                  </a:lnTo>
                  <a:lnTo>
                    <a:pt x="368" y="1002"/>
                  </a:lnTo>
                  <a:lnTo>
                    <a:pt x="368" y="1002"/>
                  </a:lnTo>
                  <a:lnTo>
                    <a:pt x="361" y="1004"/>
                  </a:lnTo>
                  <a:lnTo>
                    <a:pt x="361" y="1004"/>
                  </a:lnTo>
                  <a:lnTo>
                    <a:pt x="359" y="1006"/>
                  </a:lnTo>
                  <a:lnTo>
                    <a:pt x="357" y="1009"/>
                  </a:lnTo>
                  <a:lnTo>
                    <a:pt x="357" y="1009"/>
                  </a:lnTo>
                  <a:lnTo>
                    <a:pt x="351" y="1011"/>
                  </a:lnTo>
                  <a:lnTo>
                    <a:pt x="351" y="1011"/>
                  </a:lnTo>
                  <a:lnTo>
                    <a:pt x="348" y="1011"/>
                  </a:lnTo>
                  <a:lnTo>
                    <a:pt x="348" y="1011"/>
                  </a:lnTo>
                  <a:lnTo>
                    <a:pt x="345" y="1013"/>
                  </a:lnTo>
                  <a:lnTo>
                    <a:pt x="342" y="1014"/>
                  </a:lnTo>
                  <a:lnTo>
                    <a:pt x="342" y="1014"/>
                  </a:lnTo>
                  <a:lnTo>
                    <a:pt x="340" y="1018"/>
                  </a:lnTo>
                  <a:lnTo>
                    <a:pt x="340" y="1018"/>
                  </a:lnTo>
                  <a:lnTo>
                    <a:pt x="338" y="1018"/>
                  </a:lnTo>
                  <a:lnTo>
                    <a:pt x="338" y="1018"/>
                  </a:lnTo>
                  <a:lnTo>
                    <a:pt x="335" y="1018"/>
                  </a:lnTo>
                  <a:lnTo>
                    <a:pt x="331" y="1020"/>
                  </a:lnTo>
                  <a:lnTo>
                    <a:pt x="331" y="1020"/>
                  </a:lnTo>
                  <a:lnTo>
                    <a:pt x="330" y="1021"/>
                  </a:lnTo>
                  <a:lnTo>
                    <a:pt x="329" y="1022"/>
                  </a:lnTo>
                  <a:lnTo>
                    <a:pt x="329" y="1023"/>
                  </a:lnTo>
                  <a:lnTo>
                    <a:pt x="329" y="1023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22" y="1024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19" y="1028"/>
                  </a:lnTo>
                  <a:lnTo>
                    <a:pt x="319" y="1028"/>
                  </a:lnTo>
                  <a:lnTo>
                    <a:pt x="309" y="1034"/>
                  </a:lnTo>
                  <a:lnTo>
                    <a:pt x="309" y="1034"/>
                  </a:lnTo>
                  <a:lnTo>
                    <a:pt x="303" y="1037"/>
                  </a:lnTo>
                  <a:lnTo>
                    <a:pt x="303" y="1037"/>
                  </a:lnTo>
                  <a:lnTo>
                    <a:pt x="299" y="1038"/>
                  </a:lnTo>
                  <a:lnTo>
                    <a:pt x="299" y="1038"/>
                  </a:lnTo>
                  <a:lnTo>
                    <a:pt x="297" y="1039"/>
                  </a:lnTo>
                  <a:lnTo>
                    <a:pt x="297" y="1040"/>
                  </a:lnTo>
                  <a:lnTo>
                    <a:pt x="297" y="1040"/>
                  </a:lnTo>
                  <a:lnTo>
                    <a:pt x="295" y="1041"/>
                  </a:lnTo>
                  <a:lnTo>
                    <a:pt x="295" y="1041"/>
                  </a:lnTo>
                  <a:lnTo>
                    <a:pt x="291" y="1042"/>
                  </a:lnTo>
                  <a:lnTo>
                    <a:pt x="288" y="1043"/>
                  </a:lnTo>
                  <a:lnTo>
                    <a:pt x="288" y="1043"/>
                  </a:lnTo>
                  <a:lnTo>
                    <a:pt x="287" y="1044"/>
                  </a:lnTo>
                  <a:lnTo>
                    <a:pt x="286" y="1045"/>
                  </a:lnTo>
                  <a:lnTo>
                    <a:pt x="286" y="1045"/>
                  </a:lnTo>
                  <a:lnTo>
                    <a:pt x="283" y="1047"/>
                  </a:lnTo>
                  <a:lnTo>
                    <a:pt x="283" y="1047"/>
                  </a:lnTo>
                  <a:lnTo>
                    <a:pt x="278" y="1048"/>
                  </a:lnTo>
                  <a:lnTo>
                    <a:pt x="278" y="1048"/>
                  </a:lnTo>
                  <a:lnTo>
                    <a:pt x="276" y="1049"/>
                  </a:lnTo>
                  <a:lnTo>
                    <a:pt x="272" y="1051"/>
                  </a:lnTo>
                  <a:lnTo>
                    <a:pt x="272" y="1051"/>
                  </a:lnTo>
                  <a:lnTo>
                    <a:pt x="260" y="1056"/>
                  </a:lnTo>
                  <a:lnTo>
                    <a:pt x="260" y="1056"/>
                  </a:lnTo>
                  <a:lnTo>
                    <a:pt x="251" y="1059"/>
                  </a:lnTo>
                  <a:lnTo>
                    <a:pt x="251" y="1059"/>
                  </a:lnTo>
                  <a:lnTo>
                    <a:pt x="242" y="1063"/>
                  </a:lnTo>
                  <a:lnTo>
                    <a:pt x="242" y="1063"/>
                  </a:lnTo>
                  <a:lnTo>
                    <a:pt x="239" y="1063"/>
                  </a:lnTo>
                  <a:lnTo>
                    <a:pt x="239" y="1063"/>
                  </a:lnTo>
                  <a:lnTo>
                    <a:pt x="233" y="1067"/>
                  </a:lnTo>
                  <a:lnTo>
                    <a:pt x="233" y="1067"/>
                  </a:lnTo>
                  <a:lnTo>
                    <a:pt x="231" y="1068"/>
                  </a:lnTo>
                  <a:lnTo>
                    <a:pt x="229" y="1070"/>
                  </a:lnTo>
                  <a:lnTo>
                    <a:pt x="229" y="1070"/>
                  </a:lnTo>
                  <a:lnTo>
                    <a:pt x="222" y="1072"/>
                  </a:lnTo>
                  <a:lnTo>
                    <a:pt x="222" y="1072"/>
                  </a:lnTo>
                  <a:lnTo>
                    <a:pt x="215" y="1076"/>
                  </a:lnTo>
                  <a:lnTo>
                    <a:pt x="215" y="1076"/>
                  </a:lnTo>
                  <a:lnTo>
                    <a:pt x="214" y="1077"/>
                  </a:lnTo>
                  <a:lnTo>
                    <a:pt x="214" y="1077"/>
                  </a:lnTo>
                  <a:lnTo>
                    <a:pt x="215" y="1077"/>
                  </a:lnTo>
                  <a:lnTo>
                    <a:pt x="215" y="1077"/>
                  </a:lnTo>
                  <a:lnTo>
                    <a:pt x="207" y="1079"/>
                  </a:lnTo>
                  <a:lnTo>
                    <a:pt x="207" y="1079"/>
                  </a:lnTo>
                  <a:lnTo>
                    <a:pt x="195" y="1083"/>
                  </a:lnTo>
                  <a:lnTo>
                    <a:pt x="195" y="1083"/>
                  </a:lnTo>
                  <a:lnTo>
                    <a:pt x="191" y="1086"/>
                  </a:lnTo>
                  <a:lnTo>
                    <a:pt x="191" y="1086"/>
                  </a:lnTo>
                  <a:lnTo>
                    <a:pt x="187" y="1086"/>
                  </a:lnTo>
                  <a:lnTo>
                    <a:pt x="187" y="1086"/>
                  </a:lnTo>
                  <a:lnTo>
                    <a:pt x="183" y="1088"/>
                  </a:lnTo>
                  <a:lnTo>
                    <a:pt x="183" y="1088"/>
                  </a:lnTo>
                  <a:lnTo>
                    <a:pt x="181" y="1090"/>
                  </a:lnTo>
                  <a:lnTo>
                    <a:pt x="181" y="1090"/>
                  </a:lnTo>
                  <a:lnTo>
                    <a:pt x="174" y="1092"/>
                  </a:lnTo>
                  <a:lnTo>
                    <a:pt x="174" y="1092"/>
                  </a:lnTo>
                  <a:lnTo>
                    <a:pt x="168" y="1095"/>
                  </a:lnTo>
                  <a:lnTo>
                    <a:pt x="163" y="1098"/>
                  </a:lnTo>
                  <a:lnTo>
                    <a:pt x="163" y="1098"/>
                  </a:lnTo>
                  <a:lnTo>
                    <a:pt x="151" y="1105"/>
                  </a:lnTo>
                  <a:lnTo>
                    <a:pt x="151" y="1105"/>
                  </a:lnTo>
                  <a:lnTo>
                    <a:pt x="148" y="1107"/>
                  </a:lnTo>
                  <a:lnTo>
                    <a:pt x="146" y="1109"/>
                  </a:lnTo>
                  <a:lnTo>
                    <a:pt x="146" y="1109"/>
                  </a:lnTo>
                  <a:lnTo>
                    <a:pt x="141" y="1113"/>
                  </a:lnTo>
                  <a:lnTo>
                    <a:pt x="141" y="1113"/>
                  </a:lnTo>
                  <a:lnTo>
                    <a:pt x="134" y="1118"/>
                  </a:lnTo>
                  <a:lnTo>
                    <a:pt x="134" y="1118"/>
                  </a:lnTo>
                  <a:lnTo>
                    <a:pt x="129" y="1122"/>
                  </a:lnTo>
                  <a:lnTo>
                    <a:pt x="129" y="1122"/>
                  </a:lnTo>
                  <a:lnTo>
                    <a:pt x="126" y="1126"/>
                  </a:lnTo>
                  <a:lnTo>
                    <a:pt x="126" y="1126"/>
                  </a:lnTo>
                  <a:lnTo>
                    <a:pt x="120" y="1130"/>
                  </a:lnTo>
                  <a:lnTo>
                    <a:pt x="120" y="1130"/>
                  </a:lnTo>
                  <a:lnTo>
                    <a:pt x="118" y="1131"/>
                  </a:lnTo>
                  <a:lnTo>
                    <a:pt x="117" y="1135"/>
                  </a:lnTo>
                  <a:lnTo>
                    <a:pt x="115" y="1139"/>
                  </a:lnTo>
                  <a:lnTo>
                    <a:pt x="115" y="1139"/>
                  </a:lnTo>
                  <a:lnTo>
                    <a:pt x="114" y="1141"/>
                  </a:lnTo>
                  <a:lnTo>
                    <a:pt x="112" y="1142"/>
                  </a:lnTo>
                  <a:lnTo>
                    <a:pt x="112" y="1142"/>
                  </a:lnTo>
                  <a:lnTo>
                    <a:pt x="107" y="1148"/>
                  </a:lnTo>
                  <a:lnTo>
                    <a:pt x="107" y="1148"/>
                  </a:lnTo>
                  <a:lnTo>
                    <a:pt x="105" y="1154"/>
                  </a:lnTo>
                  <a:lnTo>
                    <a:pt x="102" y="1159"/>
                  </a:lnTo>
                  <a:lnTo>
                    <a:pt x="102" y="1159"/>
                  </a:lnTo>
                  <a:lnTo>
                    <a:pt x="93" y="1168"/>
                  </a:lnTo>
                  <a:lnTo>
                    <a:pt x="93" y="1168"/>
                  </a:lnTo>
                  <a:lnTo>
                    <a:pt x="89" y="1175"/>
                  </a:lnTo>
                  <a:lnTo>
                    <a:pt x="89" y="1175"/>
                  </a:lnTo>
                  <a:lnTo>
                    <a:pt x="86" y="1179"/>
                  </a:lnTo>
                  <a:lnTo>
                    <a:pt x="86" y="1179"/>
                  </a:lnTo>
                  <a:lnTo>
                    <a:pt x="84" y="1181"/>
                  </a:lnTo>
                  <a:lnTo>
                    <a:pt x="84" y="1181"/>
                  </a:lnTo>
                  <a:lnTo>
                    <a:pt x="81" y="1185"/>
                  </a:lnTo>
                  <a:lnTo>
                    <a:pt x="81" y="1185"/>
                  </a:lnTo>
                  <a:lnTo>
                    <a:pt x="77" y="1189"/>
                  </a:lnTo>
                  <a:lnTo>
                    <a:pt x="77" y="1189"/>
                  </a:lnTo>
                  <a:lnTo>
                    <a:pt x="75" y="1193"/>
                  </a:lnTo>
                  <a:lnTo>
                    <a:pt x="75" y="1193"/>
                  </a:lnTo>
                  <a:lnTo>
                    <a:pt x="73" y="1195"/>
                  </a:lnTo>
                  <a:lnTo>
                    <a:pt x="73" y="1195"/>
                  </a:lnTo>
                  <a:lnTo>
                    <a:pt x="67" y="1200"/>
                  </a:lnTo>
                  <a:lnTo>
                    <a:pt x="67" y="1200"/>
                  </a:lnTo>
                  <a:lnTo>
                    <a:pt x="65" y="1205"/>
                  </a:lnTo>
                  <a:lnTo>
                    <a:pt x="65" y="1205"/>
                  </a:lnTo>
                  <a:lnTo>
                    <a:pt x="62" y="1208"/>
                  </a:lnTo>
                  <a:lnTo>
                    <a:pt x="62" y="1208"/>
                  </a:lnTo>
                  <a:lnTo>
                    <a:pt x="56" y="1213"/>
                  </a:lnTo>
                  <a:lnTo>
                    <a:pt x="56" y="1213"/>
                  </a:lnTo>
                  <a:lnTo>
                    <a:pt x="50" y="1219"/>
                  </a:lnTo>
                  <a:lnTo>
                    <a:pt x="50" y="1219"/>
                  </a:lnTo>
                  <a:lnTo>
                    <a:pt x="48" y="1223"/>
                  </a:lnTo>
                  <a:lnTo>
                    <a:pt x="48" y="1223"/>
                  </a:lnTo>
                  <a:lnTo>
                    <a:pt x="44" y="1229"/>
                  </a:lnTo>
                  <a:lnTo>
                    <a:pt x="44" y="1229"/>
                  </a:lnTo>
                  <a:lnTo>
                    <a:pt x="38" y="1234"/>
                  </a:lnTo>
                  <a:lnTo>
                    <a:pt x="38" y="1234"/>
                  </a:lnTo>
                  <a:lnTo>
                    <a:pt x="37" y="1237"/>
                  </a:lnTo>
                  <a:lnTo>
                    <a:pt x="36" y="1242"/>
                  </a:lnTo>
                  <a:lnTo>
                    <a:pt x="36" y="1242"/>
                  </a:lnTo>
                  <a:lnTo>
                    <a:pt x="35" y="1245"/>
                  </a:lnTo>
                  <a:lnTo>
                    <a:pt x="32" y="1249"/>
                  </a:lnTo>
                  <a:lnTo>
                    <a:pt x="32" y="1249"/>
                  </a:lnTo>
                  <a:lnTo>
                    <a:pt x="26" y="1262"/>
                  </a:lnTo>
                  <a:lnTo>
                    <a:pt x="26" y="1262"/>
                  </a:lnTo>
                  <a:lnTo>
                    <a:pt x="23" y="1267"/>
                  </a:lnTo>
                  <a:lnTo>
                    <a:pt x="23" y="1267"/>
                  </a:lnTo>
                  <a:lnTo>
                    <a:pt x="22" y="1271"/>
                  </a:lnTo>
                  <a:lnTo>
                    <a:pt x="20" y="1273"/>
                  </a:lnTo>
                  <a:lnTo>
                    <a:pt x="20" y="1273"/>
                  </a:lnTo>
                  <a:lnTo>
                    <a:pt x="19" y="1276"/>
                  </a:lnTo>
                  <a:lnTo>
                    <a:pt x="18" y="1280"/>
                  </a:lnTo>
                  <a:lnTo>
                    <a:pt x="18" y="1280"/>
                  </a:lnTo>
                  <a:lnTo>
                    <a:pt x="11" y="1293"/>
                  </a:lnTo>
                  <a:lnTo>
                    <a:pt x="6" y="1310"/>
                  </a:lnTo>
                  <a:lnTo>
                    <a:pt x="6" y="1310"/>
                  </a:lnTo>
                  <a:lnTo>
                    <a:pt x="0" y="1322"/>
                  </a:lnTo>
                  <a:lnTo>
                    <a:pt x="0" y="1322"/>
                  </a:lnTo>
                  <a:lnTo>
                    <a:pt x="13" y="1323"/>
                  </a:lnTo>
                  <a:lnTo>
                    <a:pt x="1445" y="1323"/>
                  </a:lnTo>
                  <a:lnTo>
                    <a:pt x="1445" y="1323"/>
                  </a:lnTo>
                  <a:lnTo>
                    <a:pt x="1455" y="1322"/>
                  </a:lnTo>
                  <a:lnTo>
                    <a:pt x="1458" y="1322"/>
                  </a:lnTo>
                  <a:lnTo>
                    <a:pt x="1458" y="1322"/>
                  </a:lnTo>
                  <a:lnTo>
                    <a:pt x="1456" y="1316"/>
                  </a:lnTo>
                  <a:lnTo>
                    <a:pt x="1456" y="1316"/>
                  </a:lnTo>
                  <a:close/>
                  <a:moveTo>
                    <a:pt x="544" y="775"/>
                  </a:moveTo>
                  <a:lnTo>
                    <a:pt x="544" y="775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2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5"/>
                  </a:lnTo>
                  <a:lnTo>
                    <a:pt x="544" y="775"/>
                  </a:lnTo>
                  <a:close/>
                  <a:moveTo>
                    <a:pt x="548" y="782"/>
                  </a:move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close/>
                  <a:moveTo>
                    <a:pt x="550" y="789"/>
                  </a:moveTo>
                  <a:lnTo>
                    <a:pt x="550" y="789"/>
                  </a:lnTo>
                  <a:lnTo>
                    <a:pt x="549" y="788"/>
                  </a:lnTo>
                  <a:lnTo>
                    <a:pt x="549" y="788"/>
                  </a:lnTo>
                  <a:lnTo>
                    <a:pt x="549" y="785"/>
                  </a:lnTo>
                  <a:lnTo>
                    <a:pt x="549" y="785"/>
                  </a:lnTo>
                  <a:lnTo>
                    <a:pt x="550" y="787"/>
                  </a:lnTo>
                  <a:lnTo>
                    <a:pt x="550" y="787"/>
                  </a:lnTo>
                  <a:lnTo>
                    <a:pt x="550" y="789"/>
                  </a:lnTo>
                  <a:lnTo>
                    <a:pt x="550" y="789"/>
                  </a:lnTo>
                  <a:close/>
                  <a:moveTo>
                    <a:pt x="554" y="801"/>
                  </a:moveTo>
                  <a:lnTo>
                    <a:pt x="554" y="801"/>
                  </a:lnTo>
                  <a:lnTo>
                    <a:pt x="554" y="800"/>
                  </a:lnTo>
                  <a:lnTo>
                    <a:pt x="554" y="800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4" y="801"/>
                  </a:lnTo>
                  <a:lnTo>
                    <a:pt x="554" y="801"/>
                  </a:lnTo>
                  <a:close/>
                  <a:moveTo>
                    <a:pt x="574" y="839"/>
                  </a:move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40"/>
                  </a:lnTo>
                  <a:lnTo>
                    <a:pt x="574" y="840"/>
                  </a:lnTo>
                  <a:lnTo>
                    <a:pt x="574" y="839"/>
                  </a:lnTo>
                  <a:lnTo>
                    <a:pt x="574" y="839"/>
                  </a:lnTo>
                  <a:close/>
                  <a:moveTo>
                    <a:pt x="578" y="845"/>
                  </a:moveTo>
                  <a:lnTo>
                    <a:pt x="579" y="847"/>
                  </a:lnTo>
                  <a:lnTo>
                    <a:pt x="579" y="847"/>
                  </a:lnTo>
                  <a:lnTo>
                    <a:pt x="578" y="847"/>
                  </a:lnTo>
                  <a:lnTo>
                    <a:pt x="578" y="845"/>
                  </a:lnTo>
                  <a:lnTo>
                    <a:pt x="578" y="845"/>
                  </a:lnTo>
                  <a:close/>
                  <a:moveTo>
                    <a:pt x="581" y="874"/>
                  </a:move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6"/>
            <p:cNvSpPr>
              <a:spLocks noEditPoints="1"/>
            </p:cNvSpPr>
            <p:nvPr/>
          </p:nvSpPr>
          <p:spPr bwMode="auto">
            <a:xfrm>
              <a:off x="4826000" y="2170113"/>
              <a:ext cx="1908175" cy="1643062"/>
            </a:xfrm>
            <a:custGeom>
              <a:avLst/>
              <a:gdLst>
                <a:gd name="T0" fmla="*/ 1714 w 1976"/>
                <a:gd name="T1" fmla="*/ 1382 h 1701"/>
                <a:gd name="T2" fmla="*/ 1407 w 1976"/>
                <a:gd name="T3" fmla="*/ 1225 h 1701"/>
                <a:gd name="T4" fmla="*/ 1333 w 1976"/>
                <a:gd name="T5" fmla="*/ 1101 h 1701"/>
                <a:gd name="T6" fmla="*/ 1273 w 1976"/>
                <a:gd name="T7" fmla="*/ 1040 h 1701"/>
                <a:gd name="T8" fmla="*/ 1300 w 1976"/>
                <a:gd name="T9" fmla="*/ 998 h 1701"/>
                <a:gd name="T10" fmla="*/ 1296 w 1976"/>
                <a:gd name="T11" fmla="*/ 944 h 1701"/>
                <a:gd name="T12" fmla="*/ 1296 w 1976"/>
                <a:gd name="T13" fmla="*/ 933 h 1701"/>
                <a:gd name="T14" fmla="*/ 1319 w 1976"/>
                <a:gd name="T15" fmla="*/ 879 h 1701"/>
                <a:gd name="T16" fmla="*/ 1344 w 1976"/>
                <a:gd name="T17" fmla="*/ 770 h 1701"/>
                <a:gd name="T18" fmla="*/ 1336 w 1976"/>
                <a:gd name="T19" fmla="*/ 726 h 1701"/>
                <a:gd name="T20" fmla="*/ 1352 w 1976"/>
                <a:gd name="T21" fmla="*/ 642 h 1701"/>
                <a:gd name="T22" fmla="*/ 1388 w 1976"/>
                <a:gd name="T23" fmla="*/ 558 h 1701"/>
                <a:gd name="T24" fmla="*/ 1392 w 1976"/>
                <a:gd name="T25" fmla="*/ 485 h 1701"/>
                <a:gd name="T26" fmla="*/ 1394 w 1976"/>
                <a:gd name="T27" fmla="*/ 407 h 1701"/>
                <a:gd name="T28" fmla="*/ 1367 w 1976"/>
                <a:gd name="T29" fmla="*/ 336 h 1701"/>
                <a:gd name="T30" fmla="*/ 1356 w 1976"/>
                <a:gd name="T31" fmla="*/ 283 h 1701"/>
                <a:gd name="T32" fmla="*/ 1357 w 1976"/>
                <a:gd name="T33" fmla="*/ 239 h 1701"/>
                <a:gd name="T34" fmla="*/ 1359 w 1976"/>
                <a:gd name="T35" fmla="*/ 206 h 1701"/>
                <a:gd name="T36" fmla="*/ 1306 w 1976"/>
                <a:gd name="T37" fmla="*/ 187 h 1701"/>
                <a:gd name="T38" fmla="*/ 1258 w 1976"/>
                <a:gd name="T39" fmla="*/ 164 h 1701"/>
                <a:gd name="T40" fmla="*/ 1199 w 1976"/>
                <a:gd name="T41" fmla="*/ 136 h 1701"/>
                <a:gd name="T42" fmla="*/ 1146 w 1976"/>
                <a:gd name="T43" fmla="*/ 65 h 1701"/>
                <a:gd name="T44" fmla="*/ 1100 w 1976"/>
                <a:gd name="T45" fmla="*/ 34 h 1701"/>
                <a:gd name="T46" fmla="*/ 1021 w 1976"/>
                <a:gd name="T47" fmla="*/ 13 h 1701"/>
                <a:gd name="T48" fmla="*/ 953 w 1976"/>
                <a:gd name="T49" fmla="*/ 19 h 1701"/>
                <a:gd name="T50" fmla="*/ 888 w 1976"/>
                <a:gd name="T51" fmla="*/ 19 h 1701"/>
                <a:gd name="T52" fmla="*/ 855 w 1976"/>
                <a:gd name="T53" fmla="*/ 6 h 1701"/>
                <a:gd name="T54" fmla="*/ 840 w 1976"/>
                <a:gd name="T55" fmla="*/ 31 h 1701"/>
                <a:gd name="T56" fmla="*/ 802 w 1976"/>
                <a:gd name="T57" fmla="*/ 17 h 1701"/>
                <a:gd name="T58" fmla="*/ 779 w 1976"/>
                <a:gd name="T59" fmla="*/ 48 h 1701"/>
                <a:gd name="T60" fmla="*/ 743 w 1976"/>
                <a:gd name="T61" fmla="*/ 88 h 1701"/>
                <a:gd name="T62" fmla="*/ 725 w 1976"/>
                <a:gd name="T63" fmla="*/ 128 h 1701"/>
                <a:gd name="T64" fmla="*/ 666 w 1976"/>
                <a:gd name="T65" fmla="*/ 153 h 1701"/>
                <a:gd name="T66" fmla="*/ 617 w 1976"/>
                <a:gd name="T67" fmla="*/ 176 h 1701"/>
                <a:gd name="T68" fmla="*/ 603 w 1976"/>
                <a:gd name="T69" fmla="*/ 214 h 1701"/>
                <a:gd name="T70" fmla="*/ 594 w 1976"/>
                <a:gd name="T71" fmla="*/ 227 h 1701"/>
                <a:gd name="T72" fmla="*/ 550 w 1976"/>
                <a:gd name="T73" fmla="*/ 291 h 1701"/>
                <a:gd name="T74" fmla="*/ 527 w 1976"/>
                <a:gd name="T75" fmla="*/ 342 h 1701"/>
                <a:gd name="T76" fmla="*/ 510 w 1976"/>
                <a:gd name="T77" fmla="*/ 396 h 1701"/>
                <a:gd name="T78" fmla="*/ 531 w 1976"/>
                <a:gd name="T79" fmla="*/ 495 h 1701"/>
                <a:gd name="T80" fmla="*/ 525 w 1976"/>
                <a:gd name="T81" fmla="*/ 587 h 1701"/>
                <a:gd name="T82" fmla="*/ 536 w 1976"/>
                <a:gd name="T83" fmla="*/ 650 h 1701"/>
                <a:gd name="T84" fmla="*/ 544 w 1976"/>
                <a:gd name="T85" fmla="*/ 680 h 1701"/>
                <a:gd name="T86" fmla="*/ 577 w 1976"/>
                <a:gd name="T87" fmla="*/ 730 h 1701"/>
                <a:gd name="T88" fmla="*/ 598 w 1976"/>
                <a:gd name="T89" fmla="*/ 749 h 1701"/>
                <a:gd name="T90" fmla="*/ 611 w 1976"/>
                <a:gd name="T91" fmla="*/ 808 h 1701"/>
                <a:gd name="T92" fmla="*/ 613 w 1976"/>
                <a:gd name="T93" fmla="*/ 860 h 1701"/>
                <a:gd name="T94" fmla="*/ 611 w 1976"/>
                <a:gd name="T95" fmla="*/ 894 h 1701"/>
                <a:gd name="T96" fmla="*/ 630 w 1976"/>
                <a:gd name="T97" fmla="*/ 956 h 1701"/>
                <a:gd name="T98" fmla="*/ 655 w 1976"/>
                <a:gd name="T99" fmla="*/ 1001 h 1701"/>
                <a:gd name="T100" fmla="*/ 672 w 1976"/>
                <a:gd name="T101" fmla="*/ 1028 h 1701"/>
                <a:gd name="T102" fmla="*/ 682 w 1976"/>
                <a:gd name="T103" fmla="*/ 1065 h 1701"/>
                <a:gd name="T104" fmla="*/ 634 w 1976"/>
                <a:gd name="T105" fmla="*/ 1124 h 1701"/>
                <a:gd name="T106" fmla="*/ 598 w 1976"/>
                <a:gd name="T107" fmla="*/ 1164 h 1701"/>
                <a:gd name="T108" fmla="*/ 307 w 1976"/>
                <a:gd name="T109" fmla="*/ 1349 h 1701"/>
                <a:gd name="T110" fmla="*/ 113 w 1976"/>
                <a:gd name="T111" fmla="*/ 1485 h 1701"/>
                <a:gd name="T112" fmla="*/ 67 w 1976"/>
                <a:gd name="T113" fmla="*/ 1577 h 1701"/>
                <a:gd name="T114" fmla="*/ 38 w 1976"/>
                <a:gd name="T115" fmla="*/ 1619 h 1701"/>
                <a:gd name="T116" fmla="*/ 1955 w 1976"/>
                <a:gd name="T117" fmla="*/ 1661 h 1701"/>
                <a:gd name="T118" fmla="*/ 1321 w 1976"/>
                <a:gd name="T119" fmla="*/ 864 h 1701"/>
                <a:gd name="T120" fmla="*/ 1315 w 1976"/>
                <a:gd name="T121" fmla="*/ 864 h 17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976" h="1701">
                  <a:moveTo>
                    <a:pt x="1882" y="1550"/>
                  </a:moveTo>
                  <a:lnTo>
                    <a:pt x="1882" y="1550"/>
                  </a:lnTo>
                  <a:lnTo>
                    <a:pt x="1854" y="1512"/>
                  </a:lnTo>
                  <a:lnTo>
                    <a:pt x="1823" y="1475"/>
                  </a:lnTo>
                  <a:lnTo>
                    <a:pt x="1791" y="1441"/>
                  </a:lnTo>
                  <a:lnTo>
                    <a:pt x="1755" y="1410"/>
                  </a:lnTo>
                  <a:lnTo>
                    <a:pt x="1755" y="1410"/>
                  </a:lnTo>
                  <a:lnTo>
                    <a:pt x="1714" y="1382"/>
                  </a:lnTo>
                  <a:lnTo>
                    <a:pt x="1672" y="1357"/>
                  </a:lnTo>
                  <a:lnTo>
                    <a:pt x="1630" y="1334"/>
                  </a:lnTo>
                  <a:lnTo>
                    <a:pt x="1585" y="1311"/>
                  </a:lnTo>
                  <a:lnTo>
                    <a:pt x="1585" y="1311"/>
                  </a:lnTo>
                  <a:lnTo>
                    <a:pt x="1497" y="1267"/>
                  </a:lnTo>
                  <a:lnTo>
                    <a:pt x="1453" y="1244"/>
                  </a:lnTo>
                  <a:lnTo>
                    <a:pt x="1407" y="1225"/>
                  </a:lnTo>
                  <a:lnTo>
                    <a:pt x="1407" y="1225"/>
                  </a:lnTo>
                  <a:lnTo>
                    <a:pt x="1405" y="1219"/>
                  </a:lnTo>
                  <a:lnTo>
                    <a:pt x="1403" y="1216"/>
                  </a:lnTo>
                  <a:lnTo>
                    <a:pt x="1401" y="1202"/>
                  </a:lnTo>
                  <a:lnTo>
                    <a:pt x="1401" y="1202"/>
                  </a:lnTo>
                  <a:lnTo>
                    <a:pt x="1384" y="1185"/>
                  </a:lnTo>
                  <a:lnTo>
                    <a:pt x="1371" y="1164"/>
                  </a:lnTo>
                  <a:lnTo>
                    <a:pt x="1346" y="1120"/>
                  </a:lnTo>
                  <a:lnTo>
                    <a:pt x="1333" y="1101"/>
                  </a:lnTo>
                  <a:lnTo>
                    <a:pt x="1325" y="1091"/>
                  </a:lnTo>
                  <a:lnTo>
                    <a:pt x="1317" y="1084"/>
                  </a:lnTo>
                  <a:lnTo>
                    <a:pt x="1306" y="1076"/>
                  </a:lnTo>
                  <a:lnTo>
                    <a:pt x="1296" y="1070"/>
                  </a:lnTo>
                  <a:lnTo>
                    <a:pt x="1283" y="1065"/>
                  </a:lnTo>
                  <a:lnTo>
                    <a:pt x="1270" y="1061"/>
                  </a:lnTo>
                  <a:lnTo>
                    <a:pt x="1270" y="1061"/>
                  </a:lnTo>
                  <a:lnTo>
                    <a:pt x="1273" y="1040"/>
                  </a:lnTo>
                  <a:lnTo>
                    <a:pt x="1275" y="1026"/>
                  </a:lnTo>
                  <a:lnTo>
                    <a:pt x="1275" y="1011"/>
                  </a:lnTo>
                  <a:lnTo>
                    <a:pt x="1275" y="1011"/>
                  </a:lnTo>
                  <a:lnTo>
                    <a:pt x="1283" y="1009"/>
                  </a:lnTo>
                  <a:lnTo>
                    <a:pt x="1289" y="1005"/>
                  </a:lnTo>
                  <a:lnTo>
                    <a:pt x="1296" y="1003"/>
                  </a:lnTo>
                  <a:lnTo>
                    <a:pt x="1298" y="1000"/>
                  </a:lnTo>
                  <a:lnTo>
                    <a:pt x="1300" y="998"/>
                  </a:lnTo>
                  <a:lnTo>
                    <a:pt x="1300" y="998"/>
                  </a:lnTo>
                  <a:lnTo>
                    <a:pt x="1294" y="984"/>
                  </a:lnTo>
                  <a:lnTo>
                    <a:pt x="1289" y="969"/>
                  </a:lnTo>
                  <a:lnTo>
                    <a:pt x="1287" y="961"/>
                  </a:lnTo>
                  <a:lnTo>
                    <a:pt x="1287" y="956"/>
                  </a:lnTo>
                  <a:lnTo>
                    <a:pt x="1289" y="948"/>
                  </a:lnTo>
                  <a:lnTo>
                    <a:pt x="1296" y="944"/>
                  </a:lnTo>
                  <a:lnTo>
                    <a:pt x="1296" y="944"/>
                  </a:lnTo>
                  <a:lnTo>
                    <a:pt x="1289" y="935"/>
                  </a:lnTo>
                  <a:lnTo>
                    <a:pt x="1287" y="929"/>
                  </a:lnTo>
                  <a:lnTo>
                    <a:pt x="1289" y="921"/>
                  </a:lnTo>
                  <a:lnTo>
                    <a:pt x="1289" y="921"/>
                  </a:lnTo>
                  <a:lnTo>
                    <a:pt x="1294" y="923"/>
                  </a:lnTo>
                  <a:lnTo>
                    <a:pt x="1294" y="925"/>
                  </a:lnTo>
                  <a:lnTo>
                    <a:pt x="1294" y="929"/>
                  </a:lnTo>
                  <a:lnTo>
                    <a:pt x="1296" y="933"/>
                  </a:lnTo>
                  <a:lnTo>
                    <a:pt x="1296" y="933"/>
                  </a:lnTo>
                  <a:lnTo>
                    <a:pt x="1302" y="929"/>
                  </a:lnTo>
                  <a:lnTo>
                    <a:pt x="1308" y="923"/>
                  </a:lnTo>
                  <a:lnTo>
                    <a:pt x="1315" y="910"/>
                  </a:lnTo>
                  <a:lnTo>
                    <a:pt x="1319" y="902"/>
                  </a:lnTo>
                  <a:lnTo>
                    <a:pt x="1321" y="894"/>
                  </a:lnTo>
                  <a:lnTo>
                    <a:pt x="1321" y="887"/>
                  </a:lnTo>
                  <a:lnTo>
                    <a:pt x="1319" y="879"/>
                  </a:lnTo>
                  <a:lnTo>
                    <a:pt x="1319" y="879"/>
                  </a:lnTo>
                  <a:lnTo>
                    <a:pt x="1327" y="877"/>
                  </a:lnTo>
                  <a:lnTo>
                    <a:pt x="1335" y="872"/>
                  </a:lnTo>
                  <a:lnTo>
                    <a:pt x="1348" y="858"/>
                  </a:lnTo>
                  <a:lnTo>
                    <a:pt x="1348" y="858"/>
                  </a:lnTo>
                  <a:lnTo>
                    <a:pt x="1348" y="835"/>
                  </a:lnTo>
                  <a:lnTo>
                    <a:pt x="1346" y="812"/>
                  </a:lnTo>
                  <a:lnTo>
                    <a:pt x="1344" y="770"/>
                  </a:lnTo>
                  <a:lnTo>
                    <a:pt x="1344" y="770"/>
                  </a:lnTo>
                  <a:lnTo>
                    <a:pt x="1344" y="759"/>
                  </a:lnTo>
                  <a:lnTo>
                    <a:pt x="1346" y="755"/>
                  </a:lnTo>
                  <a:lnTo>
                    <a:pt x="1346" y="749"/>
                  </a:lnTo>
                  <a:lnTo>
                    <a:pt x="1346" y="749"/>
                  </a:lnTo>
                  <a:lnTo>
                    <a:pt x="1344" y="743"/>
                  </a:lnTo>
                  <a:lnTo>
                    <a:pt x="1340" y="738"/>
                  </a:lnTo>
                  <a:lnTo>
                    <a:pt x="1336" y="726"/>
                  </a:lnTo>
                  <a:lnTo>
                    <a:pt x="1336" y="726"/>
                  </a:lnTo>
                  <a:lnTo>
                    <a:pt x="1333" y="696"/>
                  </a:lnTo>
                  <a:lnTo>
                    <a:pt x="1331" y="678"/>
                  </a:lnTo>
                  <a:lnTo>
                    <a:pt x="1333" y="665"/>
                  </a:lnTo>
                  <a:lnTo>
                    <a:pt x="1333" y="665"/>
                  </a:lnTo>
                  <a:lnTo>
                    <a:pt x="1335" y="659"/>
                  </a:lnTo>
                  <a:lnTo>
                    <a:pt x="1340" y="654"/>
                  </a:lnTo>
                  <a:lnTo>
                    <a:pt x="1352" y="642"/>
                  </a:lnTo>
                  <a:lnTo>
                    <a:pt x="1352" y="642"/>
                  </a:lnTo>
                  <a:lnTo>
                    <a:pt x="1365" y="623"/>
                  </a:lnTo>
                  <a:lnTo>
                    <a:pt x="1378" y="598"/>
                  </a:lnTo>
                  <a:lnTo>
                    <a:pt x="1378" y="598"/>
                  </a:lnTo>
                  <a:lnTo>
                    <a:pt x="1384" y="585"/>
                  </a:lnTo>
                  <a:lnTo>
                    <a:pt x="1388" y="571"/>
                  </a:lnTo>
                  <a:lnTo>
                    <a:pt x="1388" y="571"/>
                  </a:lnTo>
                  <a:lnTo>
                    <a:pt x="1388" y="558"/>
                  </a:lnTo>
                  <a:lnTo>
                    <a:pt x="1386" y="547"/>
                  </a:lnTo>
                  <a:lnTo>
                    <a:pt x="1382" y="535"/>
                  </a:lnTo>
                  <a:lnTo>
                    <a:pt x="1382" y="520"/>
                  </a:lnTo>
                  <a:lnTo>
                    <a:pt x="1382" y="520"/>
                  </a:lnTo>
                  <a:lnTo>
                    <a:pt x="1384" y="512"/>
                  </a:lnTo>
                  <a:lnTo>
                    <a:pt x="1386" y="503"/>
                  </a:lnTo>
                  <a:lnTo>
                    <a:pt x="1390" y="495"/>
                  </a:lnTo>
                  <a:lnTo>
                    <a:pt x="1392" y="485"/>
                  </a:lnTo>
                  <a:lnTo>
                    <a:pt x="1392" y="485"/>
                  </a:lnTo>
                  <a:lnTo>
                    <a:pt x="1390" y="474"/>
                  </a:lnTo>
                  <a:lnTo>
                    <a:pt x="1388" y="468"/>
                  </a:lnTo>
                  <a:lnTo>
                    <a:pt x="1388" y="463"/>
                  </a:lnTo>
                  <a:lnTo>
                    <a:pt x="1388" y="463"/>
                  </a:lnTo>
                  <a:lnTo>
                    <a:pt x="1390" y="445"/>
                  </a:lnTo>
                  <a:lnTo>
                    <a:pt x="1392" y="426"/>
                  </a:lnTo>
                  <a:lnTo>
                    <a:pt x="1394" y="407"/>
                  </a:lnTo>
                  <a:lnTo>
                    <a:pt x="1394" y="392"/>
                  </a:lnTo>
                  <a:lnTo>
                    <a:pt x="1394" y="392"/>
                  </a:lnTo>
                  <a:lnTo>
                    <a:pt x="1388" y="378"/>
                  </a:lnTo>
                  <a:lnTo>
                    <a:pt x="1382" y="367"/>
                  </a:lnTo>
                  <a:lnTo>
                    <a:pt x="1375" y="355"/>
                  </a:lnTo>
                  <a:lnTo>
                    <a:pt x="1367" y="340"/>
                  </a:lnTo>
                  <a:lnTo>
                    <a:pt x="1367" y="340"/>
                  </a:lnTo>
                  <a:lnTo>
                    <a:pt x="1367" y="336"/>
                  </a:lnTo>
                  <a:lnTo>
                    <a:pt x="1369" y="334"/>
                  </a:lnTo>
                  <a:lnTo>
                    <a:pt x="1371" y="331"/>
                  </a:lnTo>
                  <a:lnTo>
                    <a:pt x="1371" y="327"/>
                  </a:lnTo>
                  <a:lnTo>
                    <a:pt x="1371" y="327"/>
                  </a:lnTo>
                  <a:lnTo>
                    <a:pt x="1367" y="310"/>
                  </a:lnTo>
                  <a:lnTo>
                    <a:pt x="1361" y="291"/>
                  </a:lnTo>
                  <a:lnTo>
                    <a:pt x="1361" y="291"/>
                  </a:lnTo>
                  <a:lnTo>
                    <a:pt x="1356" y="283"/>
                  </a:lnTo>
                  <a:lnTo>
                    <a:pt x="1350" y="273"/>
                  </a:lnTo>
                  <a:lnTo>
                    <a:pt x="1346" y="269"/>
                  </a:lnTo>
                  <a:lnTo>
                    <a:pt x="1346" y="264"/>
                  </a:lnTo>
                  <a:lnTo>
                    <a:pt x="1346" y="260"/>
                  </a:lnTo>
                  <a:lnTo>
                    <a:pt x="1350" y="256"/>
                  </a:lnTo>
                  <a:lnTo>
                    <a:pt x="1350" y="256"/>
                  </a:lnTo>
                  <a:lnTo>
                    <a:pt x="1354" y="248"/>
                  </a:lnTo>
                  <a:lnTo>
                    <a:pt x="1357" y="239"/>
                  </a:lnTo>
                  <a:lnTo>
                    <a:pt x="1361" y="218"/>
                  </a:lnTo>
                  <a:lnTo>
                    <a:pt x="1361" y="218"/>
                  </a:lnTo>
                  <a:lnTo>
                    <a:pt x="1363" y="214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3" y="208"/>
                  </a:lnTo>
                  <a:lnTo>
                    <a:pt x="1359" y="206"/>
                  </a:lnTo>
                  <a:lnTo>
                    <a:pt x="1348" y="203"/>
                  </a:lnTo>
                  <a:lnTo>
                    <a:pt x="1338" y="197"/>
                  </a:lnTo>
                  <a:lnTo>
                    <a:pt x="1336" y="195"/>
                  </a:lnTo>
                  <a:lnTo>
                    <a:pt x="1335" y="189"/>
                  </a:lnTo>
                  <a:lnTo>
                    <a:pt x="1335" y="189"/>
                  </a:lnTo>
                  <a:lnTo>
                    <a:pt x="1329" y="187"/>
                  </a:lnTo>
                  <a:lnTo>
                    <a:pt x="1321" y="187"/>
                  </a:lnTo>
                  <a:lnTo>
                    <a:pt x="1306" y="187"/>
                  </a:lnTo>
                  <a:lnTo>
                    <a:pt x="1289" y="187"/>
                  </a:lnTo>
                  <a:lnTo>
                    <a:pt x="1281" y="185"/>
                  </a:lnTo>
                  <a:lnTo>
                    <a:pt x="1273" y="183"/>
                  </a:lnTo>
                  <a:lnTo>
                    <a:pt x="1273" y="183"/>
                  </a:lnTo>
                  <a:lnTo>
                    <a:pt x="1270" y="182"/>
                  </a:lnTo>
                  <a:lnTo>
                    <a:pt x="1266" y="180"/>
                  </a:lnTo>
                  <a:lnTo>
                    <a:pt x="1262" y="172"/>
                  </a:lnTo>
                  <a:lnTo>
                    <a:pt x="1258" y="164"/>
                  </a:lnTo>
                  <a:lnTo>
                    <a:pt x="1254" y="157"/>
                  </a:lnTo>
                  <a:lnTo>
                    <a:pt x="1254" y="157"/>
                  </a:lnTo>
                  <a:lnTo>
                    <a:pt x="1245" y="157"/>
                  </a:lnTo>
                  <a:lnTo>
                    <a:pt x="1235" y="157"/>
                  </a:lnTo>
                  <a:lnTo>
                    <a:pt x="1228" y="153"/>
                  </a:lnTo>
                  <a:lnTo>
                    <a:pt x="1222" y="151"/>
                  </a:lnTo>
                  <a:lnTo>
                    <a:pt x="1210" y="143"/>
                  </a:lnTo>
                  <a:lnTo>
                    <a:pt x="1199" y="136"/>
                  </a:lnTo>
                  <a:lnTo>
                    <a:pt x="1199" y="136"/>
                  </a:lnTo>
                  <a:lnTo>
                    <a:pt x="1195" y="120"/>
                  </a:lnTo>
                  <a:lnTo>
                    <a:pt x="1189" y="107"/>
                  </a:lnTo>
                  <a:lnTo>
                    <a:pt x="1180" y="96"/>
                  </a:lnTo>
                  <a:lnTo>
                    <a:pt x="1170" y="86"/>
                  </a:lnTo>
                  <a:lnTo>
                    <a:pt x="1170" y="86"/>
                  </a:lnTo>
                  <a:lnTo>
                    <a:pt x="1157" y="73"/>
                  </a:lnTo>
                  <a:lnTo>
                    <a:pt x="1146" y="65"/>
                  </a:lnTo>
                  <a:lnTo>
                    <a:pt x="1138" y="61"/>
                  </a:lnTo>
                  <a:lnTo>
                    <a:pt x="1130" y="59"/>
                  </a:lnTo>
                  <a:lnTo>
                    <a:pt x="1109" y="57"/>
                  </a:lnTo>
                  <a:lnTo>
                    <a:pt x="1109" y="57"/>
                  </a:lnTo>
                  <a:lnTo>
                    <a:pt x="1104" y="54"/>
                  </a:lnTo>
                  <a:lnTo>
                    <a:pt x="1102" y="46"/>
                  </a:lnTo>
                  <a:lnTo>
                    <a:pt x="1100" y="34"/>
                  </a:lnTo>
                  <a:lnTo>
                    <a:pt x="1100" y="34"/>
                  </a:lnTo>
                  <a:lnTo>
                    <a:pt x="1094" y="38"/>
                  </a:lnTo>
                  <a:lnTo>
                    <a:pt x="1088" y="42"/>
                  </a:lnTo>
                  <a:lnTo>
                    <a:pt x="1081" y="52"/>
                  </a:lnTo>
                  <a:lnTo>
                    <a:pt x="1081" y="52"/>
                  </a:lnTo>
                  <a:lnTo>
                    <a:pt x="1063" y="38"/>
                  </a:lnTo>
                  <a:lnTo>
                    <a:pt x="1042" y="23"/>
                  </a:lnTo>
                  <a:lnTo>
                    <a:pt x="1033" y="17"/>
                  </a:lnTo>
                  <a:lnTo>
                    <a:pt x="1021" y="13"/>
                  </a:lnTo>
                  <a:lnTo>
                    <a:pt x="1008" y="11"/>
                  </a:lnTo>
                  <a:lnTo>
                    <a:pt x="995" y="10"/>
                  </a:lnTo>
                  <a:lnTo>
                    <a:pt x="995" y="10"/>
                  </a:lnTo>
                  <a:lnTo>
                    <a:pt x="987" y="11"/>
                  </a:lnTo>
                  <a:lnTo>
                    <a:pt x="979" y="13"/>
                  </a:lnTo>
                  <a:lnTo>
                    <a:pt x="966" y="19"/>
                  </a:lnTo>
                  <a:lnTo>
                    <a:pt x="958" y="21"/>
                  </a:lnTo>
                  <a:lnTo>
                    <a:pt x="953" y="19"/>
                  </a:lnTo>
                  <a:lnTo>
                    <a:pt x="945" y="17"/>
                  </a:lnTo>
                  <a:lnTo>
                    <a:pt x="939" y="10"/>
                  </a:lnTo>
                  <a:lnTo>
                    <a:pt x="939" y="10"/>
                  </a:lnTo>
                  <a:lnTo>
                    <a:pt x="928" y="11"/>
                  </a:lnTo>
                  <a:lnTo>
                    <a:pt x="914" y="15"/>
                  </a:lnTo>
                  <a:lnTo>
                    <a:pt x="903" y="19"/>
                  </a:lnTo>
                  <a:lnTo>
                    <a:pt x="888" y="19"/>
                  </a:lnTo>
                  <a:lnTo>
                    <a:pt x="888" y="19"/>
                  </a:lnTo>
                  <a:lnTo>
                    <a:pt x="884" y="15"/>
                  </a:lnTo>
                  <a:lnTo>
                    <a:pt x="886" y="11"/>
                  </a:lnTo>
                  <a:lnTo>
                    <a:pt x="888" y="10"/>
                  </a:lnTo>
                  <a:lnTo>
                    <a:pt x="888" y="6"/>
                  </a:lnTo>
                  <a:lnTo>
                    <a:pt x="888" y="6"/>
                  </a:lnTo>
                  <a:lnTo>
                    <a:pt x="872" y="10"/>
                  </a:lnTo>
                  <a:lnTo>
                    <a:pt x="863" y="10"/>
                  </a:lnTo>
                  <a:lnTo>
                    <a:pt x="855" y="6"/>
                  </a:lnTo>
                  <a:lnTo>
                    <a:pt x="848" y="0"/>
                  </a:lnTo>
                  <a:lnTo>
                    <a:pt x="848" y="0"/>
                  </a:lnTo>
                  <a:lnTo>
                    <a:pt x="846" y="4"/>
                  </a:lnTo>
                  <a:lnTo>
                    <a:pt x="846" y="10"/>
                  </a:lnTo>
                  <a:lnTo>
                    <a:pt x="846" y="17"/>
                  </a:lnTo>
                  <a:lnTo>
                    <a:pt x="846" y="25"/>
                  </a:lnTo>
                  <a:lnTo>
                    <a:pt x="844" y="27"/>
                  </a:lnTo>
                  <a:lnTo>
                    <a:pt x="840" y="31"/>
                  </a:lnTo>
                  <a:lnTo>
                    <a:pt x="840" y="31"/>
                  </a:lnTo>
                  <a:lnTo>
                    <a:pt x="836" y="31"/>
                  </a:lnTo>
                  <a:lnTo>
                    <a:pt x="830" y="31"/>
                  </a:lnTo>
                  <a:lnTo>
                    <a:pt x="823" y="27"/>
                  </a:lnTo>
                  <a:lnTo>
                    <a:pt x="813" y="21"/>
                  </a:lnTo>
                  <a:lnTo>
                    <a:pt x="808" y="19"/>
                  </a:lnTo>
                  <a:lnTo>
                    <a:pt x="802" y="17"/>
                  </a:lnTo>
                  <a:lnTo>
                    <a:pt x="802" y="17"/>
                  </a:lnTo>
                  <a:lnTo>
                    <a:pt x="792" y="19"/>
                  </a:lnTo>
                  <a:lnTo>
                    <a:pt x="785" y="21"/>
                  </a:lnTo>
                  <a:lnTo>
                    <a:pt x="769" y="32"/>
                  </a:lnTo>
                  <a:lnTo>
                    <a:pt x="769" y="32"/>
                  </a:lnTo>
                  <a:lnTo>
                    <a:pt x="769" y="38"/>
                  </a:lnTo>
                  <a:lnTo>
                    <a:pt x="771" y="40"/>
                  </a:lnTo>
                  <a:lnTo>
                    <a:pt x="775" y="46"/>
                  </a:lnTo>
                  <a:lnTo>
                    <a:pt x="779" y="48"/>
                  </a:lnTo>
                  <a:lnTo>
                    <a:pt x="781" y="52"/>
                  </a:lnTo>
                  <a:lnTo>
                    <a:pt x="781" y="54"/>
                  </a:lnTo>
                  <a:lnTo>
                    <a:pt x="781" y="54"/>
                  </a:lnTo>
                  <a:lnTo>
                    <a:pt x="779" y="61"/>
                  </a:lnTo>
                  <a:lnTo>
                    <a:pt x="775" y="67"/>
                  </a:lnTo>
                  <a:lnTo>
                    <a:pt x="767" y="73"/>
                  </a:lnTo>
                  <a:lnTo>
                    <a:pt x="760" y="76"/>
                  </a:lnTo>
                  <a:lnTo>
                    <a:pt x="743" y="88"/>
                  </a:lnTo>
                  <a:lnTo>
                    <a:pt x="737" y="94"/>
                  </a:lnTo>
                  <a:lnTo>
                    <a:pt x="731" y="101"/>
                  </a:lnTo>
                  <a:lnTo>
                    <a:pt x="731" y="101"/>
                  </a:lnTo>
                  <a:lnTo>
                    <a:pt x="729" y="109"/>
                  </a:lnTo>
                  <a:lnTo>
                    <a:pt x="729" y="113"/>
                  </a:lnTo>
                  <a:lnTo>
                    <a:pt x="729" y="120"/>
                  </a:lnTo>
                  <a:lnTo>
                    <a:pt x="725" y="128"/>
                  </a:lnTo>
                  <a:lnTo>
                    <a:pt x="725" y="128"/>
                  </a:lnTo>
                  <a:lnTo>
                    <a:pt x="718" y="134"/>
                  </a:lnTo>
                  <a:lnTo>
                    <a:pt x="708" y="138"/>
                  </a:lnTo>
                  <a:lnTo>
                    <a:pt x="697" y="140"/>
                  </a:lnTo>
                  <a:lnTo>
                    <a:pt x="683" y="138"/>
                  </a:lnTo>
                  <a:lnTo>
                    <a:pt x="683" y="138"/>
                  </a:lnTo>
                  <a:lnTo>
                    <a:pt x="678" y="141"/>
                  </a:lnTo>
                  <a:lnTo>
                    <a:pt x="674" y="145"/>
                  </a:lnTo>
                  <a:lnTo>
                    <a:pt x="666" y="153"/>
                  </a:lnTo>
                  <a:lnTo>
                    <a:pt x="662" y="162"/>
                  </a:lnTo>
                  <a:lnTo>
                    <a:pt x="659" y="168"/>
                  </a:lnTo>
                  <a:lnTo>
                    <a:pt x="655" y="172"/>
                  </a:lnTo>
                  <a:lnTo>
                    <a:pt x="655" y="172"/>
                  </a:lnTo>
                  <a:lnTo>
                    <a:pt x="649" y="174"/>
                  </a:lnTo>
                  <a:lnTo>
                    <a:pt x="641" y="176"/>
                  </a:lnTo>
                  <a:lnTo>
                    <a:pt x="626" y="176"/>
                  </a:lnTo>
                  <a:lnTo>
                    <a:pt x="617" y="176"/>
                  </a:lnTo>
                  <a:lnTo>
                    <a:pt x="611" y="178"/>
                  </a:lnTo>
                  <a:lnTo>
                    <a:pt x="603" y="183"/>
                  </a:lnTo>
                  <a:lnTo>
                    <a:pt x="598" y="189"/>
                  </a:lnTo>
                  <a:lnTo>
                    <a:pt x="598" y="189"/>
                  </a:lnTo>
                  <a:lnTo>
                    <a:pt x="598" y="197"/>
                  </a:lnTo>
                  <a:lnTo>
                    <a:pt x="599" y="201"/>
                  </a:lnTo>
                  <a:lnTo>
                    <a:pt x="601" y="206"/>
                  </a:lnTo>
                  <a:lnTo>
                    <a:pt x="603" y="214"/>
                  </a:lnTo>
                  <a:lnTo>
                    <a:pt x="603" y="214"/>
                  </a:lnTo>
                  <a:lnTo>
                    <a:pt x="603" y="218"/>
                  </a:lnTo>
                  <a:lnTo>
                    <a:pt x="601" y="222"/>
                  </a:lnTo>
                  <a:lnTo>
                    <a:pt x="598" y="224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7"/>
                  </a:lnTo>
                  <a:lnTo>
                    <a:pt x="596" y="229"/>
                  </a:lnTo>
                  <a:lnTo>
                    <a:pt x="598" y="233"/>
                  </a:lnTo>
                  <a:lnTo>
                    <a:pt x="598" y="237"/>
                  </a:lnTo>
                  <a:lnTo>
                    <a:pt x="598" y="237"/>
                  </a:lnTo>
                  <a:lnTo>
                    <a:pt x="588" y="250"/>
                  </a:lnTo>
                  <a:lnTo>
                    <a:pt x="575" y="264"/>
                  </a:lnTo>
                  <a:lnTo>
                    <a:pt x="561" y="277"/>
                  </a:lnTo>
                  <a:lnTo>
                    <a:pt x="550" y="291"/>
                  </a:lnTo>
                  <a:lnTo>
                    <a:pt x="550" y="291"/>
                  </a:lnTo>
                  <a:lnTo>
                    <a:pt x="546" y="302"/>
                  </a:lnTo>
                  <a:lnTo>
                    <a:pt x="540" y="313"/>
                  </a:lnTo>
                  <a:lnTo>
                    <a:pt x="540" y="313"/>
                  </a:lnTo>
                  <a:lnTo>
                    <a:pt x="535" y="325"/>
                  </a:lnTo>
                  <a:lnTo>
                    <a:pt x="529" y="334"/>
                  </a:lnTo>
                  <a:lnTo>
                    <a:pt x="529" y="334"/>
                  </a:lnTo>
                  <a:lnTo>
                    <a:pt x="527" y="342"/>
                  </a:lnTo>
                  <a:lnTo>
                    <a:pt x="525" y="350"/>
                  </a:lnTo>
                  <a:lnTo>
                    <a:pt x="525" y="365"/>
                  </a:lnTo>
                  <a:lnTo>
                    <a:pt x="525" y="365"/>
                  </a:lnTo>
                  <a:lnTo>
                    <a:pt x="521" y="373"/>
                  </a:lnTo>
                  <a:lnTo>
                    <a:pt x="517" y="380"/>
                  </a:lnTo>
                  <a:lnTo>
                    <a:pt x="514" y="388"/>
                  </a:lnTo>
                  <a:lnTo>
                    <a:pt x="510" y="396"/>
                  </a:lnTo>
                  <a:lnTo>
                    <a:pt x="510" y="396"/>
                  </a:lnTo>
                  <a:lnTo>
                    <a:pt x="508" y="405"/>
                  </a:lnTo>
                  <a:lnTo>
                    <a:pt x="508" y="417"/>
                  </a:lnTo>
                  <a:lnTo>
                    <a:pt x="510" y="440"/>
                  </a:lnTo>
                  <a:lnTo>
                    <a:pt x="510" y="440"/>
                  </a:lnTo>
                  <a:lnTo>
                    <a:pt x="512" y="453"/>
                  </a:lnTo>
                  <a:lnTo>
                    <a:pt x="517" y="468"/>
                  </a:lnTo>
                  <a:lnTo>
                    <a:pt x="531" y="495"/>
                  </a:lnTo>
                  <a:lnTo>
                    <a:pt x="531" y="495"/>
                  </a:lnTo>
                  <a:lnTo>
                    <a:pt x="527" y="514"/>
                  </a:lnTo>
                  <a:lnTo>
                    <a:pt x="521" y="535"/>
                  </a:lnTo>
                  <a:lnTo>
                    <a:pt x="517" y="554"/>
                  </a:lnTo>
                  <a:lnTo>
                    <a:pt x="517" y="566"/>
                  </a:lnTo>
                  <a:lnTo>
                    <a:pt x="519" y="575"/>
                  </a:lnTo>
                  <a:lnTo>
                    <a:pt x="519" y="575"/>
                  </a:lnTo>
                  <a:lnTo>
                    <a:pt x="521" y="581"/>
                  </a:lnTo>
                  <a:lnTo>
                    <a:pt x="525" y="587"/>
                  </a:lnTo>
                  <a:lnTo>
                    <a:pt x="529" y="592"/>
                  </a:lnTo>
                  <a:lnTo>
                    <a:pt x="531" y="598"/>
                  </a:lnTo>
                  <a:lnTo>
                    <a:pt x="531" y="598"/>
                  </a:lnTo>
                  <a:lnTo>
                    <a:pt x="533" y="608"/>
                  </a:lnTo>
                  <a:lnTo>
                    <a:pt x="535" y="617"/>
                  </a:lnTo>
                  <a:lnTo>
                    <a:pt x="535" y="635"/>
                  </a:lnTo>
                  <a:lnTo>
                    <a:pt x="535" y="644"/>
                  </a:lnTo>
                  <a:lnTo>
                    <a:pt x="536" y="650"/>
                  </a:lnTo>
                  <a:lnTo>
                    <a:pt x="540" y="657"/>
                  </a:lnTo>
                  <a:lnTo>
                    <a:pt x="546" y="661"/>
                  </a:lnTo>
                  <a:lnTo>
                    <a:pt x="546" y="661"/>
                  </a:lnTo>
                  <a:lnTo>
                    <a:pt x="546" y="667"/>
                  </a:lnTo>
                  <a:lnTo>
                    <a:pt x="546" y="671"/>
                  </a:lnTo>
                  <a:lnTo>
                    <a:pt x="544" y="675"/>
                  </a:lnTo>
                  <a:lnTo>
                    <a:pt x="544" y="680"/>
                  </a:lnTo>
                  <a:lnTo>
                    <a:pt x="544" y="680"/>
                  </a:lnTo>
                  <a:lnTo>
                    <a:pt x="546" y="688"/>
                  </a:lnTo>
                  <a:lnTo>
                    <a:pt x="550" y="694"/>
                  </a:lnTo>
                  <a:lnTo>
                    <a:pt x="561" y="705"/>
                  </a:lnTo>
                  <a:lnTo>
                    <a:pt x="571" y="717"/>
                  </a:lnTo>
                  <a:lnTo>
                    <a:pt x="573" y="722"/>
                  </a:lnTo>
                  <a:lnTo>
                    <a:pt x="575" y="730"/>
                  </a:lnTo>
                  <a:lnTo>
                    <a:pt x="575" y="730"/>
                  </a:lnTo>
                  <a:lnTo>
                    <a:pt x="577" y="730"/>
                  </a:lnTo>
                  <a:lnTo>
                    <a:pt x="580" y="730"/>
                  </a:lnTo>
                  <a:lnTo>
                    <a:pt x="586" y="730"/>
                  </a:lnTo>
                  <a:lnTo>
                    <a:pt x="588" y="732"/>
                  </a:lnTo>
                  <a:lnTo>
                    <a:pt x="588" y="732"/>
                  </a:lnTo>
                  <a:lnTo>
                    <a:pt x="588" y="738"/>
                  </a:lnTo>
                  <a:lnTo>
                    <a:pt x="590" y="743"/>
                  </a:lnTo>
                  <a:lnTo>
                    <a:pt x="598" y="749"/>
                  </a:lnTo>
                  <a:lnTo>
                    <a:pt x="598" y="749"/>
                  </a:lnTo>
                  <a:lnTo>
                    <a:pt x="596" y="757"/>
                  </a:lnTo>
                  <a:lnTo>
                    <a:pt x="598" y="764"/>
                  </a:lnTo>
                  <a:lnTo>
                    <a:pt x="599" y="774"/>
                  </a:lnTo>
                  <a:lnTo>
                    <a:pt x="603" y="780"/>
                  </a:lnTo>
                  <a:lnTo>
                    <a:pt x="611" y="795"/>
                  </a:lnTo>
                  <a:lnTo>
                    <a:pt x="611" y="803"/>
                  </a:lnTo>
                  <a:lnTo>
                    <a:pt x="611" y="808"/>
                  </a:lnTo>
                  <a:lnTo>
                    <a:pt x="611" y="808"/>
                  </a:lnTo>
                  <a:lnTo>
                    <a:pt x="609" y="814"/>
                  </a:lnTo>
                  <a:lnTo>
                    <a:pt x="611" y="820"/>
                  </a:lnTo>
                  <a:lnTo>
                    <a:pt x="615" y="826"/>
                  </a:lnTo>
                  <a:lnTo>
                    <a:pt x="617" y="833"/>
                  </a:lnTo>
                  <a:lnTo>
                    <a:pt x="617" y="833"/>
                  </a:lnTo>
                  <a:lnTo>
                    <a:pt x="615" y="843"/>
                  </a:lnTo>
                  <a:lnTo>
                    <a:pt x="613" y="852"/>
                  </a:lnTo>
                  <a:lnTo>
                    <a:pt x="613" y="860"/>
                  </a:lnTo>
                  <a:lnTo>
                    <a:pt x="615" y="864"/>
                  </a:lnTo>
                  <a:lnTo>
                    <a:pt x="619" y="870"/>
                  </a:lnTo>
                  <a:lnTo>
                    <a:pt x="619" y="870"/>
                  </a:lnTo>
                  <a:lnTo>
                    <a:pt x="613" y="877"/>
                  </a:lnTo>
                  <a:lnTo>
                    <a:pt x="609" y="883"/>
                  </a:lnTo>
                  <a:lnTo>
                    <a:pt x="609" y="887"/>
                  </a:lnTo>
                  <a:lnTo>
                    <a:pt x="609" y="887"/>
                  </a:lnTo>
                  <a:lnTo>
                    <a:pt x="611" y="894"/>
                  </a:lnTo>
                  <a:lnTo>
                    <a:pt x="617" y="900"/>
                  </a:lnTo>
                  <a:lnTo>
                    <a:pt x="622" y="906"/>
                  </a:lnTo>
                  <a:lnTo>
                    <a:pt x="626" y="914"/>
                  </a:lnTo>
                  <a:lnTo>
                    <a:pt x="626" y="914"/>
                  </a:lnTo>
                  <a:lnTo>
                    <a:pt x="630" y="923"/>
                  </a:lnTo>
                  <a:lnTo>
                    <a:pt x="630" y="933"/>
                  </a:lnTo>
                  <a:lnTo>
                    <a:pt x="630" y="956"/>
                  </a:lnTo>
                  <a:lnTo>
                    <a:pt x="630" y="956"/>
                  </a:lnTo>
                  <a:lnTo>
                    <a:pt x="632" y="958"/>
                  </a:lnTo>
                  <a:lnTo>
                    <a:pt x="634" y="961"/>
                  </a:lnTo>
                  <a:lnTo>
                    <a:pt x="634" y="961"/>
                  </a:lnTo>
                  <a:lnTo>
                    <a:pt x="634" y="967"/>
                  </a:lnTo>
                  <a:lnTo>
                    <a:pt x="638" y="977"/>
                  </a:lnTo>
                  <a:lnTo>
                    <a:pt x="638" y="977"/>
                  </a:lnTo>
                  <a:lnTo>
                    <a:pt x="649" y="992"/>
                  </a:lnTo>
                  <a:lnTo>
                    <a:pt x="655" y="1001"/>
                  </a:lnTo>
                  <a:lnTo>
                    <a:pt x="662" y="1011"/>
                  </a:lnTo>
                  <a:lnTo>
                    <a:pt x="662" y="1011"/>
                  </a:lnTo>
                  <a:lnTo>
                    <a:pt x="664" y="1023"/>
                  </a:lnTo>
                  <a:lnTo>
                    <a:pt x="664" y="1023"/>
                  </a:lnTo>
                  <a:lnTo>
                    <a:pt x="666" y="1026"/>
                  </a:lnTo>
                  <a:lnTo>
                    <a:pt x="668" y="1026"/>
                  </a:lnTo>
                  <a:lnTo>
                    <a:pt x="672" y="1026"/>
                  </a:lnTo>
                  <a:lnTo>
                    <a:pt x="672" y="1028"/>
                  </a:lnTo>
                  <a:lnTo>
                    <a:pt x="672" y="1028"/>
                  </a:lnTo>
                  <a:lnTo>
                    <a:pt x="674" y="1036"/>
                  </a:lnTo>
                  <a:lnTo>
                    <a:pt x="674" y="1047"/>
                  </a:lnTo>
                  <a:lnTo>
                    <a:pt x="674" y="1047"/>
                  </a:lnTo>
                  <a:lnTo>
                    <a:pt x="680" y="1057"/>
                  </a:lnTo>
                  <a:lnTo>
                    <a:pt x="682" y="1061"/>
                  </a:lnTo>
                  <a:lnTo>
                    <a:pt x="682" y="1065"/>
                  </a:lnTo>
                  <a:lnTo>
                    <a:pt x="682" y="1065"/>
                  </a:lnTo>
                  <a:lnTo>
                    <a:pt x="680" y="1070"/>
                  </a:lnTo>
                  <a:lnTo>
                    <a:pt x="678" y="1076"/>
                  </a:lnTo>
                  <a:lnTo>
                    <a:pt x="668" y="1084"/>
                  </a:lnTo>
                  <a:lnTo>
                    <a:pt x="657" y="1093"/>
                  </a:lnTo>
                  <a:lnTo>
                    <a:pt x="647" y="1101"/>
                  </a:lnTo>
                  <a:lnTo>
                    <a:pt x="647" y="1101"/>
                  </a:lnTo>
                  <a:lnTo>
                    <a:pt x="640" y="1112"/>
                  </a:lnTo>
                  <a:lnTo>
                    <a:pt x="634" y="1124"/>
                  </a:lnTo>
                  <a:lnTo>
                    <a:pt x="628" y="1137"/>
                  </a:lnTo>
                  <a:lnTo>
                    <a:pt x="620" y="1147"/>
                  </a:lnTo>
                  <a:lnTo>
                    <a:pt x="620" y="1147"/>
                  </a:lnTo>
                  <a:lnTo>
                    <a:pt x="615" y="1152"/>
                  </a:lnTo>
                  <a:lnTo>
                    <a:pt x="609" y="1156"/>
                  </a:lnTo>
                  <a:lnTo>
                    <a:pt x="603" y="1160"/>
                  </a:lnTo>
                  <a:lnTo>
                    <a:pt x="598" y="1164"/>
                  </a:lnTo>
                  <a:lnTo>
                    <a:pt x="598" y="1164"/>
                  </a:lnTo>
                  <a:lnTo>
                    <a:pt x="592" y="1172"/>
                  </a:lnTo>
                  <a:lnTo>
                    <a:pt x="588" y="1179"/>
                  </a:lnTo>
                  <a:lnTo>
                    <a:pt x="582" y="1196"/>
                  </a:lnTo>
                  <a:lnTo>
                    <a:pt x="573" y="1231"/>
                  </a:lnTo>
                  <a:lnTo>
                    <a:pt x="573" y="1231"/>
                  </a:lnTo>
                  <a:lnTo>
                    <a:pt x="466" y="1277"/>
                  </a:lnTo>
                  <a:lnTo>
                    <a:pt x="359" y="1324"/>
                  </a:lnTo>
                  <a:lnTo>
                    <a:pt x="307" y="1349"/>
                  </a:lnTo>
                  <a:lnTo>
                    <a:pt x="258" y="1376"/>
                  </a:lnTo>
                  <a:lnTo>
                    <a:pt x="208" y="1405"/>
                  </a:lnTo>
                  <a:lnTo>
                    <a:pt x="162" y="1433"/>
                  </a:lnTo>
                  <a:lnTo>
                    <a:pt x="162" y="1433"/>
                  </a:lnTo>
                  <a:lnTo>
                    <a:pt x="139" y="1460"/>
                  </a:lnTo>
                  <a:lnTo>
                    <a:pt x="126" y="1474"/>
                  </a:lnTo>
                  <a:lnTo>
                    <a:pt x="113" y="1485"/>
                  </a:lnTo>
                  <a:lnTo>
                    <a:pt x="113" y="1485"/>
                  </a:lnTo>
                  <a:lnTo>
                    <a:pt x="109" y="1496"/>
                  </a:lnTo>
                  <a:lnTo>
                    <a:pt x="103" y="1508"/>
                  </a:lnTo>
                  <a:lnTo>
                    <a:pt x="95" y="1516"/>
                  </a:lnTo>
                  <a:lnTo>
                    <a:pt x="86" y="1521"/>
                  </a:lnTo>
                  <a:lnTo>
                    <a:pt x="86" y="1521"/>
                  </a:lnTo>
                  <a:lnTo>
                    <a:pt x="82" y="1540"/>
                  </a:lnTo>
                  <a:lnTo>
                    <a:pt x="76" y="1560"/>
                  </a:lnTo>
                  <a:lnTo>
                    <a:pt x="67" y="1577"/>
                  </a:lnTo>
                  <a:lnTo>
                    <a:pt x="57" y="1596"/>
                  </a:lnTo>
                  <a:lnTo>
                    <a:pt x="57" y="1596"/>
                  </a:lnTo>
                  <a:lnTo>
                    <a:pt x="53" y="1600"/>
                  </a:lnTo>
                  <a:lnTo>
                    <a:pt x="48" y="1605"/>
                  </a:lnTo>
                  <a:lnTo>
                    <a:pt x="44" y="1609"/>
                  </a:lnTo>
                  <a:lnTo>
                    <a:pt x="40" y="1613"/>
                  </a:lnTo>
                  <a:lnTo>
                    <a:pt x="40" y="1613"/>
                  </a:lnTo>
                  <a:lnTo>
                    <a:pt x="38" y="1619"/>
                  </a:lnTo>
                  <a:lnTo>
                    <a:pt x="36" y="1626"/>
                  </a:lnTo>
                  <a:lnTo>
                    <a:pt x="31" y="1642"/>
                  </a:lnTo>
                  <a:lnTo>
                    <a:pt x="31" y="1642"/>
                  </a:lnTo>
                  <a:lnTo>
                    <a:pt x="15" y="1672"/>
                  </a:lnTo>
                  <a:lnTo>
                    <a:pt x="0" y="1701"/>
                  </a:lnTo>
                  <a:lnTo>
                    <a:pt x="1976" y="1701"/>
                  </a:lnTo>
                  <a:lnTo>
                    <a:pt x="1976" y="1701"/>
                  </a:lnTo>
                  <a:lnTo>
                    <a:pt x="1955" y="1661"/>
                  </a:lnTo>
                  <a:lnTo>
                    <a:pt x="1932" y="1623"/>
                  </a:lnTo>
                  <a:lnTo>
                    <a:pt x="1907" y="1586"/>
                  </a:lnTo>
                  <a:lnTo>
                    <a:pt x="1882" y="1550"/>
                  </a:lnTo>
                  <a:lnTo>
                    <a:pt x="1882" y="1550"/>
                  </a:lnTo>
                  <a:close/>
                  <a:moveTo>
                    <a:pt x="1315" y="864"/>
                  </a:moveTo>
                  <a:lnTo>
                    <a:pt x="1315" y="864"/>
                  </a:lnTo>
                  <a:lnTo>
                    <a:pt x="1321" y="864"/>
                  </a:lnTo>
                  <a:lnTo>
                    <a:pt x="1321" y="864"/>
                  </a:lnTo>
                  <a:lnTo>
                    <a:pt x="1321" y="866"/>
                  </a:lnTo>
                  <a:lnTo>
                    <a:pt x="1321" y="870"/>
                  </a:lnTo>
                  <a:lnTo>
                    <a:pt x="1317" y="872"/>
                  </a:lnTo>
                  <a:lnTo>
                    <a:pt x="1317" y="872"/>
                  </a:lnTo>
                  <a:lnTo>
                    <a:pt x="1315" y="872"/>
                  </a:lnTo>
                  <a:lnTo>
                    <a:pt x="1315" y="870"/>
                  </a:lnTo>
                  <a:lnTo>
                    <a:pt x="1315" y="864"/>
                  </a:lnTo>
                  <a:lnTo>
                    <a:pt x="1315" y="8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6" name="Freeform 7"/>
            <p:cNvSpPr>
              <a:spLocks noEditPoints="1"/>
            </p:cNvSpPr>
            <p:nvPr/>
          </p:nvSpPr>
          <p:spPr bwMode="auto">
            <a:xfrm>
              <a:off x="2736850" y="2255838"/>
              <a:ext cx="1831975" cy="1677987"/>
            </a:xfrm>
            <a:custGeom>
              <a:avLst/>
              <a:gdLst>
                <a:gd name="T0" fmla="*/ 1582 w 1641"/>
                <a:gd name="T1" fmla="*/ 1328 h 1503"/>
                <a:gd name="T2" fmla="*/ 1536 w 1641"/>
                <a:gd name="T3" fmla="*/ 1269 h 1503"/>
                <a:gd name="T4" fmla="*/ 1463 w 1641"/>
                <a:gd name="T5" fmla="*/ 1208 h 1503"/>
                <a:gd name="T6" fmla="*/ 1370 w 1641"/>
                <a:gd name="T7" fmla="*/ 1163 h 1503"/>
                <a:gd name="T8" fmla="*/ 1227 w 1641"/>
                <a:gd name="T9" fmla="*/ 1107 h 1503"/>
                <a:gd name="T10" fmla="*/ 1132 w 1641"/>
                <a:gd name="T11" fmla="*/ 1051 h 1503"/>
                <a:gd name="T12" fmla="*/ 1047 w 1641"/>
                <a:gd name="T13" fmla="*/ 857 h 1503"/>
                <a:gd name="T14" fmla="*/ 1079 w 1641"/>
                <a:gd name="T15" fmla="*/ 751 h 1503"/>
                <a:gd name="T16" fmla="*/ 1091 w 1641"/>
                <a:gd name="T17" fmla="*/ 674 h 1503"/>
                <a:gd name="T18" fmla="*/ 1164 w 1641"/>
                <a:gd name="T19" fmla="*/ 479 h 1503"/>
                <a:gd name="T20" fmla="*/ 1190 w 1641"/>
                <a:gd name="T21" fmla="*/ 478 h 1503"/>
                <a:gd name="T22" fmla="*/ 1212 w 1641"/>
                <a:gd name="T23" fmla="*/ 415 h 1503"/>
                <a:gd name="T24" fmla="*/ 1191 w 1641"/>
                <a:gd name="T25" fmla="*/ 366 h 1503"/>
                <a:gd name="T26" fmla="*/ 1176 w 1641"/>
                <a:gd name="T27" fmla="*/ 293 h 1503"/>
                <a:gd name="T28" fmla="*/ 1138 w 1641"/>
                <a:gd name="T29" fmla="*/ 203 h 1503"/>
                <a:gd name="T30" fmla="*/ 1013 w 1641"/>
                <a:gd name="T31" fmla="*/ 53 h 1503"/>
                <a:gd name="T32" fmla="*/ 867 w 1641"/>
                <a:gd name="T33" fmla="*/ 8 h 1503"/>
                <a:gd name="T34" fmla="*/ 747 w 1641"/>
                <a:gd name="T35" fmla="*/ 10 h 1503"/>
                <a:gd name="T36" fmla="*/ 620 w 1641"/>
                <a:gd name="T37" fmla="*/ 63 h 1503"/>
                <a:gd name="T38" fmla="*/ 554 w 1641"/>
                <a:gd name="T39" fmla="*/ 117 h 1503"/>
                <a:gd name="T40" fmla="*/ 511 w 1641"/>
                <a:gd name="T41" fmla="*/ 189 h 1503"/>
                <a:gd name="T42" fmla="*/ 482 w 1641"/>
                <a:gd name="T43" fmla="*/ 288 h 1503"/>
                <a:gd name="T44" fmla="*/ 475 w 1641"/>
                <a:gd name="T45" fmla="*/ 396 h 1503"/>
                <a:gd name="T46" fmla="*/ 480 w 1641"/>
                <a:gd name="T47" fmla="*/ 475 h 1503"/>
                <a:gd name="T48" fmla="*/ 483 w 1641"/>
                <a:gd name="T49" fmla="*/ 547 h 1503"/>
                <a:gd name="T50" fmla="*/ 515 w 1641"/>
                <a:gd name="T51" fmla="*/ 607 h 1503"/>
                <a:gd name="T52" fmla="*/ 537 w 1641"/>
                <a:gd name="T53" fmla="*/ 672 h 1503"/>
                <a:gd name="T54" fmla="*/ 631 w 1641"/>
                <a:gd name="T55" fmla="*/ 795 h 1503"/>
                <a:gd name="T56" fmla="*/ 537 w 1641"/>
                <a:gd name="T57" fmla="*/ 1046 h 1503"/>
                <a:gd name="T58" fmla="*/ 421 w 1641"/>
                <a:gd name="T59" fmla="*/ 1106 h 1503"/>
                <a:gd name="T60" fmla="*/ 119 w 1641"/>
                <a:gd name="T61" fmla="*/ 1243 h 1503"/>
                <a:gd name="T62" fmla="*/ 1641 w 1641"/>
                <a:gd name="T63" fmla="*/ 1503 h 1503"/>
                <a:gd name="T64" fmla="*/ 928 w 1641"/>
                <a:gd name="T65" fmla="*/ 742 h 1503"/>
                <a:gd name="T66" fmla="*/ 886 w 1641"/>
                <a:gd name="T67" fmla="*/ 719 h 1503"/>
                <a:gd name="T68" fmla="*/ 788 w 1641"/>
                <a:gd name="T69" fmla="*/ 663 h 1503"/>
                <a:gd name="T70" fmla="*/ 790 w 1641"/>
                <a:gd name="T71" fmla="*/ 664 h 1503"/>
                <a:gd name="T72" fmla="*/ 789 w 1641"/>
                <a:gd name="T73" fmla="*/ 656 h 1503"/>
                <a:gd name="T74" fmla="*/ 789 w 1641"/>
                <a:gd name="T75" fmla="*/ 622 h 1503"/>
                <a:gd name="T76" fmla="*/ 792 w 1641"/>
                <a:gd name="T77" fmla="*/ 622 h 1503"/>
                <a:gd name="T78" fmla="*/ 1013 w 1641"/>
                <a:gd name="T79" fmla="*/ 563 h 1503"/>
                <a:gd name="T80" fmla="*/ 870 w 1641"/>
                <a:gd name="T81" fmla="*/ 720 h 1503"/>
                <a:gd name="T82" fmla="*/ 803 w 1641"/>
                <a:gd name="T83" fmla="*/ 621 h 1503"/>
                <a:gd name="T84" fmla="*/ 793 w 1641"/>
                <a:gd name="T85" fmla="*/ 622 h 1503"/>
                <a:gd name="T86" fmla="*/ 923 w 1641"/>
                <a:gd name="T87" fmla="*/ 739 h 1503"/>
                <a:gd name="T88" fmla="*/ 928 w 1641"/>
                <a:gd name="T89" fmla="*/ 741 h 1503"/>
                <a:gd name="T90" fmla="*/ 940 w 1641"/>
                <a:gd name="T91" fmla="*/ 738 h 1503"/>
                <a:gd name="T92" fmla="*/ 979 w 1641"/>
                <a:gd name="T93" fmla="*/ 627 h 1503"/>
                <a:gd name="T94" fmla="*/ 983 w 1641"/>
                <a:gd name="T95" fmla="*/ 630 h 1503"/>
                <a:gd name="T96" fmla="*/ 665 w 1641"/>
                <a:gd name="T97" fmla="*/ 454 h 1503"/>
                <a:gd name="T98" fmla="*/ 767 w 1641"/>
                <a:gd name="T99" fmla="*/ 421 h 1503"/>
                <a:gd name="T100" fmla="*/ 755 w 1641"/>
                <a:gd name="T101" fmla="*/ 412 h 1503"/>
                <a:gd name="T102" fmla="*/ 766 w 1641"/>
                <a:gd name="T103" fmla="*/ 414 h 1503"/>
                <a:gd name="T104" fmla="*/ 1111 w 1641"/>
                <a:gd name="T105" fmla="*/ 543 h 1503"/>
                <a:gd name="T106" fmla="*/ 1115 w 1641"/>
                <a:gd name="T107" fmla="*/ 549 h 1503"/>
                <a:gd name="T108" fmla="*/ 1117 w 1641"/>
                <a:gd name="T109" fmla="*/ 516 h 1503"/>
                <a:gd name="T110" fmla="*/ 1117 w 1641"/>
                <a:gd name="T111" fmla="*/ 528 h 1503"/>
                <a:gd name="T112" fmla="*/ 1135 w 1641"/>
                <a:gd name="T113" fmla="*/ 262 h 1503"/>
                <a:gd name="T114" fmla="*/ 1142 w 1641"/>
                <a:gd name="T115" fmla="*/ 251 h 1503"/>
                <a:gd name="T116" fmla="*/ 1203 w 1641"/>
                <a:gd name="T117" fmla="*/ 416 h 1503"/>
                <a:gd name="T118" fmla="*/ 136 w 1641"/>
                <a:gd name="T119" fmla="*/ 1310 h 1503"/>
                <a:gd name="T120" fmla="*/ 137 w 1641"/>
                <a:gd name="T121" fmla="*/ 1308 h 1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641" h="1503">
                  <a:moveTo>
                    <a:pt x="1634" y="1456"/>
                  </a:moveTo>
                  <a:lnTo>
                    <a:pt x="1634" y="1456"/>
                  </a:lnTo>
                  <a:lnTo>
                    <a:pt x="1629" y="1446"/>
                  </a:lnTo>
                  <a:lnTo>
                    <a:pt x="1627" y="1437"/>
                  </a:lnTo>
                  <a:lnTo>
                    <a:pt x="1625" y="1416"/>
                  </a:lnTo>
                  <a:lnTo>
                    <a:pt x="1623" y="1407"/>
                  </a:lnTo>
                  <a:lnTo>
                    <a:pt x="1620" y="1398"/>
                  </a:lnTo>
                  <a:lnTo>
                    <a:pt x="1617" y="1391"/>
                  </a:lnTo>
                  <a:lnTo>
                    <a:pt x="1614" y="1388"/>
                  </a:lnTo>
                  <a:lnTo>
                    <a:pt x="1611" y="1385"/>
                  </a:lnTo>
                  <a:lnTo>
                    <a:pt x="1611" y="1385"/>
                  </a:lnTo>
                  <a:lnTo>
                    <a:pt x="1612" y="1384"/>
                  </a:lnTo>
                  <a:lnTo>
                    <a:pt x="1612" y="1382"/>
                  </a:lnTo>
                  <a:lnTo>
                    <a:pt x="1611" y="1378"/>
                  </a:lnTo>
                  <a:lnTo>
                    <a:pt x="1609" y="1375"/>
                  </a:lnTo>
                  <a:lnTo>
                    <a:pt x="1606" y="1373"/>
                  </a:lnTo>
                  <a:lnTo>
                    <a:pt x="1606" y="1373"/>
                  </a:lnTo>
                  <a:lnTo>
                    <a:pt x="1608" y="1373"/>
                  </a:lnTo>
                  <a:lnTo>
                    <a:pt x="1609" y="1372"/>
                  </a:lnTo>
                  <a:lnTo>
                    <a:pt x="1609" y="1372"/>
                  </a:lnTo>
                  <a:lnTo>
                    <a:pt x="1598" y="1352"/>
                  </a:lnTo>
                  <a:lnTo>
                    <a:pt x="1588" y="1333"/>
                  </a:lnTo>
                  <a:lnTo>
                    <a:pt x="1588" y="1333"/>
                  </a:lnTo>
                  <a:lnTo>
                    <a:pt x="1586" y="1333"/>
                  </a:lnTo>
                  <a:lnTo>
                    <a:pt x="1584" y="1335"/>
                  </a:lnTo>
                  <a:lnTo>
                    <a:pt x="1584" y="1335"/>
                  </a:lnTo>
                  <a:lnTo>
                    <a:pt x="1583" y="1332"/>
                  </a:lnTo>
                  <a:lnTo>
                    <a:pt x="1582" y="1330"/>
                  </a:lnTo>
                  <a:lnTo>
                    <a:pt x="1582" y="1328"/>
                  </a:lnTo>
                  <a:lnTo>
                    <a:pt x="1582" y="1327"/>
                  </a:lnTo>
                  <a:lnTo>
                    <a:pt x="1582" y="1327"/>
                  </a:lnTo>
                  <a:lnTo>
                    <a:pt x="1581" y="1325"/>
                  </a:lnTo>
                  <a:lnTo>
                    <a:pt x="1580" y="1325"/>
                  </a:lnTo>
                  <a:lnTo>
                    <a:pt x="1580" y="1324"/>
                  </a:lnTo>
                  <a:lnTo>
                    <a:pt x="1581" y="1323"/>
                  </a:lnTo>
                  <a:lnTo>
                    <a:pt x="1581" y="1323"/>
                  </a:lnTo>
                  <a:lnTo>
                    <a:pt x="1575" y="1318"/>
                  </a:lnTo>
                  <a:lnTo>
                    <a:pt x="1570" y="1312"/>
                  </a:lnTo>
                  <a:lnTo>
                    <a:pt x="1564" y="1303"/>
                  </a:lnTo>
                  <a:lnTo>
                    <a:pt x="1558" y="1299"/>
                  </a:lnTo>
                  <a:lnTo>
                    <a:pt x="1558" y="1299"/>
                  </a:lnTo>
                  <a:lnTo>
                    <a:pt x="1555" y="1298"/>
                  </a:lnTo>
                  <a:lnTo>
                    <a:pt x="1553" y="1294"/>
                  </a:lnTo>
                  <a:lnTo>
                    <a:pt x="1553" y="1294"/>
                  </a:lnTo>
                  <a:lnTo>
                    <a:pt x="1553" y="1291"/>
                  </a:lnTo>
                  <a:lnTo>
                    <a:pt x="1552" y="1288"/>
                  </a:lnTo>
                  <a:lnTo>
                    <a:pt x="1551" y="1287"/>
                  </a:lnTo>
                  <a:lnTo>
                    <a:pt x="1549" y="1287"/>
                  </a:lnTo>
                  <a:lnTo>
                    <a:pt x="1549" y="1287"/>
                  </a:lnTo>
                  <a:lnTo>
                    <a:pt x="1548" y="1287"/>
                  </a:lnTo>
                  <a:lnTo>
                    <a:pt x="1548" y="1286"/>
                  </a:lnTo>
                  <a:lnTo>
                    <a:pt x="1548" y="1286"/>
                  </a:lnTo>
                  <a:lnTo>
                    <a:pt x="1549" y="1284"/>
                  </a:lnTo>
                  <a:lnTo>
                    <a:pt x="1548" y="1283"/>
                  </a:lnTo>
                  <a:lnTo>
                    <a:pt x="1544" y="1279"/>
                  </a:lnTo>
                  <a:lnTo>
                    <a:pt x="1544" y="1279"/>
                  </a:lnTo>
                  <a:lnTo>
                    <a:pt x="1538" y="1272"/>
                  </a:lnTo>
                  <a:lnTo>
                    <a:pt x="1536" y="1269"/>
                  </a:lnTo>
                  <a:lnTo>
                    <a:pt x="1531" y="1267"/>
                  </a:lnTo>
                  <a:lnTo>
                    <a:pt x="1531" y="1267"/>
                  </a:lnTo>
                  <a:lnTo>
                    <a:pt x="1531" y="1263"/>
                  </a:lnTo>
                  <a:lnTo>
                    <a:pt x="1530" y="1262"/>
                  </a:lnTo>
                  <a:lnTo>
                    <a:pt x="1528" y="1262"/>
                  </a:lnTo>
                  <a:lnTo>
                    <a:pt x="1527" y="1260"/>
                  </a:lnTo>
                  <a:lnTo>
                    <a:pt x="1527" y="1260"/>
                  </a:lnTo>
                  <a:lnTo>
                    <a:pt x="1528" y="1258"/>
                  </a:lnTo>
                  <a:lnTo>
                    <a:pt x="1527" y="1256"/>
                  </a:lnTo>
                  <a:lnTo>
                    <a:pt x="1523" y="1252"/>
                  </a:lnTo>
                  <a:lnTo>
                    <a:pt x="1516" y="1248"/>
                  </a:lnTo>
                  <a:lnTo>
                    <a:pt x="1511" y="1245"/>
                  </a:lnTo>
                  <a:lnTo>
                    <a:pt x="1511" y="1245"/>
                  </a:lnTo>
                  <a:lnTo>
                    <a:pt x="1501" y="1234"/>
                  </a:lnTo>
                  <a:lnTo>
                    <a:pt x="1497" y="1230"/>
                  </a:lnTo>
                  <a:lnTo>
                    <a:pt x="1491" y="1226"/>
                  </a:lnTo>
                  <a:lnTo>
                    <a:pt x="1491" y="1226"/>
                  </a:lnTo>
                  <a:lnTo>
                    <a:pt x="1491" y="1225"/>
                  </a:lnTo>
                  <a:lnTo>
                    <a:pt x="1489" y="1223"/>
                  </a:lnTo>
                  <a:lnTo>
                    <a:pt x="1485" y="1220"/>
                  </a:lnTo>
                  <a:lnTo>
                    <a:pt x="1483" y="1220"/>
                  </a:lnTo>
                  <a:lnTo>
                    <a:pt x="1483" y="1220"/>
                  </a:lnTo>
                  <a:lnTo>
                    <a:pt x="1473" y="1213"/>
                  </a:lnTo>
                  <a:lnTo>
                    <a:pt x="1468" y="1211"/>
                  </a:lnTo>
                  <a:lnTo>
                    <a:pt x="1463" y="1210"/>
                  </a:lnTo>
                  <a:lnTo>
                    <a:pt x="1463" y="1210"/>
                  </a:lnTo>
                  <a:lnTo>
                    <a:pt x="1465" y="1209"/>
                  </a:lnTo>
                  <a:lnTo>
                    <a:pt x="1466" y="1209"/>
                  </a:lnTo>
                  <a:lnTo>
                    <a:pt x="1463" y="1208"/>
                  </a:lnTo>
                  <a:lnTo>
                    <a:pt x="1456" y="1205"/>
                  </a:lnTo>
                  <a:lnTo>
                    <a:pt x="1456" y="1205"/>
                  </a:lnTo>
                  <a:lnTo>
                    <a:pt x="1452" y="1203"/>
                  </a:lnTo>
                  <a:lnTo>
                    <a:pt x="1447" y="1200"/>
                  </a:lnTo>
                  <a:lnTo>
                    <a:pt x="1447" y="1200"/>
                  </a:lnTo>
                  <a:lnTo>
                    <a:pt x="1444" y="1198"/>
                  </a:lnTo>
                  <a:lnTo>
                    <a:pt x="1441" y="1197"/>
                  </a:lnTo>
                  <a:lnTo>
                    <a:pt x="1438" y="1195"/>
                  </a:lnTo>
                  <a:lnTo>
                    <a:pt x="1436" y="1196"/>
                  </a:lnTo>
                  <a:lnTo>
                    <a:pt x="1436" y="1196"/>
                  </a:lnTo>
                  <a:lnTo>
                    <a:pt x="1432" y="1194"/>
                  </a:lnTo>
                  <a:lnTo>
                    <a:pt x="1430" y="1192"/>
                  </a:lnTo>
                  <a:lnTo>
                    <a:pt x="1427" y="1189"/>
                  </a:lnTo>
                  <a:lnTo>
                    <a:pt x="1424" y="1188"/>
                  </a:lnTo>
                  <a:lnTo>
                    <a:pt x="1424" y="1188"/>
                  </a:lnTo>
                  <a:lnTo>
                    <a:pt x="1422" y="1186"/>
                  </a:lnTo>
                  <a:lnTo>
                    <a:pt x="1420" y="1183"/>
                  </a:lnTo>
                  <a:lnTo>
                    <a:pt x="1416" y="1183"/>
                  </a:lnTo>
                  <a:lnTo>
                    <a:pt x="1414" y="1183"/>
                  </a:lnTo>
                  <a:lnTo>
                    <a:pt x="1414" y="1183"/>
                  </a:lnTo>
                  <a:lnTo>
                    <a:pt x="1408" y="1179"/>
                  </a:lnTo>
                  <a:lnTo>
                    <a:pt x="1402" y="1175"/>
                  </a:lnTo>
                  <a:lnTo>
                    <a:pt x="1391" y="1171"/>
                  </a:lnTo>
                  <a:lnTo>
                    <a:pt x="1391" y="1171"/>
                  </a:lnTo>
                  <a:lnTo>
                    <a:pt x="1384" y="1170"/>
                  </a:lnTo>
                  <a:lnTo>
                    <a:pt x="1378" y="1166"/>
                  </a:lnTo>
                  <a:lnTo>
                    <a:pt x="1373" y="1164"/>
                  </a:lnTo>
                  <a:lnTo>
                    <a:pt x="1370" y="1163"/>
                  </a:lnTo>
                  <a:lnTo>
                    <a:pt x="1370" y="1163"/>
                  </a:lnTo>
                  <a:lnTo>
                    <a:pt x="1360" y="1159"/>
                  </a:lnTo>
                  <a:lnTo>
                    <a:pt x="1348" y="1156"/>
                  </a:lnTo>
                  <a:lnTo>
                    <a:pt x="1325" y="1151"/>
                  </a:lnTo>
                  <a:lnTo>
                    <a:pt x="1325" y="1151"/>
                  </a:lnTo>
                  <a:lnTo>
                    <a:pt x="1313" y="1147"/>
                  </a:lnTo>
                  <a:lnTo>
                    <a:pt x="1313" y="1147"/>
                  </a:lnTo>
                  <a:lnTo>
                    <a:pt x="1310" y="1147"/>
                  </a:lnTo>
                  <a:lnTo>
                    <a:pt x="1307" y="1144"/>
                  </a:lnTo>
                  <a:lnTo>
                    <a:pt x="1304" y="1143"/>
                  </a:lnTo>
                  <a:lnTo>
                    <a:pt x="1301" y="1143"/>
                  </a:lnTo>
                  <a:lnTo>
                    <a:pt x="1301" y="1143"/>
                  </a:lnTo>
                  <a:lnTo>
                    <a:pt x="1295" y="1140"/>
                  </a:lnTo>
                  <a:lnTo>
                    <a:pt x="1289" y="1137"/>
                  </a:lnTo>
                  <a:lnTo>
                    <a:pt x="1284" y="1135"/>
                  </a:lnTo>
                  <a:lnTo>
                    <a:pt x="1278" y="1132"/>
                  </a:lnTo>
                  <a:lnTo>
                    <a:pt x="1278" y="1132"/>
                  </a:lnTo>
                  <a:lnTo>
                    <a:pt x="1272" y="1128"/>
                  </a:lnTo>
                  <a:lnTo>
                    <a:pt x="1266" y="1126"/>
                  </a:lnTo>
                  <a:lnTo>
                    <a:pt x="1262" y="1122"/>
                  </a:lnTo>
                  <a:lnTo>
                    <a:pt x="1259" y="1121"/>
                  </a:lnTo>
                  <a:lnTo>
                    <a:pt x="1259" y="1119"/>
                  </a:lnTo>
                  <a:lnTo>
                    <a:pt x="1259" y="1119"/>
                  </a:lnTo>
                  <a:lnTo>
                    <a:pt x="1249" y="1117"/>
                  </a:lnTo>
                  <a:lnTo>
                    <a:pt x="1237" y="1113"/>
                  </a:lnTo>
                  <a:lnTo>
                    <a:pt x="1237" y="1113"/>
                  </a:lnTo>
                  <a:lnTo>
                    <a:pt x="1235" y="1110"/>
                  </a:lnTo>
                  <a:lnTo>
                    <a:pt x="1234" y="1109"/>
                  </a:lnTo>
                  <a:lnTo>
                    <a:pt x="1234" y="1109"/>
                  </a:lnTo>
                  <a:lnTo>
                    <a:pt x="1227" y="1107"/>
                  </a:lnTo>
                  <a:lnTo>
                    <a:pt x="1221" y="1106"/>
                  </a:lnTo>
                  <a:lnTo>
                    <a:pt x="1221" y="1106"/>
                  </a:lnTo>
                  <a:lnTo>
                    <a:pt x="1213" y="1102"/>
                  </a:lnTo>
                  <a:lnTo>
                    <a:pt x="1206" y="1096"/>
                  </a:lnTo>
                  <a:lnTo>
                    <a:pt x="1199" y="1091"/>
                  </a:lnTo>
                  <a:lnTo>
                    <a:pt x="1192" y="1087"/>
                  </a:lnTo>
                  <a:lnTo>
                    <a:pt x="1192" y="1087"/>
                  </a:lnTo>
                  <a:lnTo>
                    <a:pt x="1190" y="1083"/>
                  </a:lnTo>
                  <a:lnTo>
                    <a:pt x="1185" y="1080"/>
                  </a:lnTo>
                  <a:lnTo>
                    <a:pt x="1179" y="1076"/>
                  </a:lnTo>
                  <a:lnTo>
                    <a:pt x="1179" y="1076"/>
                  </a:lnTo>
                  <a:lnTo>
                    <a:pt x="1177" y="1075"/>
                  </a:lnTo>
                  <a:lnTo>
                    <a:pt x="1175" y="1074"/>
                  </a:lnTo>
                  <a:lnTo>
                    <a:pt x="1174" y="1073"/>
                  </a:lnTo>
                  <a:lnTo>
                    <a:pt x="1172" y="1072"/>
                  </a:lnTo>
                  <a:lnTo>
                    <a:pt x="1172" y="1072"/>
                  </a:lnTo>
                  <a:lnTo>
                    <a:pt x="1166" y="1068"/>
                  </a:lnTo>
                  <a:lnTo>
                    <a:pt x="1161" y="1065"/>
                  </a:lnTo>
                  <a:lnTo>
                    <a:pt x="1150" y="1059"/>
                  </a:lnTo>
                  <a:lnTo>
                    <a:pt x="1150" y="1059"/>
                  </a:lnTo>
                  <a:lnTo>
                    <a:pt x="1149" y="1058"/>
                  </a:lnTo>
                  <a:lnTo>
                    <a:pt x="1147" y="1058"/>
                  </a:lnTo>
                  <a:lnTo>
                    <a:pt x="1144" y="1057"/>
                  </a:lnTo>
                  <a:lnTo>
                    <a:pt x="1142" y="1055"/>
                  </a:lnTo>
                  <a:lnTo>
                    <a:pt x="1143" y="1054"/>
                  </a:lnTo>
                  <a:lnTo>
                    <a:pt x="1144" y="1053"/>
                  </a:lnTo>
                  <a:lnTo>
                    <a:pt x="1144" y="1053"/>
                  </a:lnTo>
                  <a:lnTo>
                    <a:pt x="1137" y="1052"/>
                  </a:lnTo>
                  <a:lnTo>
                    <a:pt x="1132" y="1051"/>
                  </a:lnTo>
                  <a:lnTo>
                    <a:pt x="1123" y="1047"/>
                  </a:lnTo>
                  <a:lnTo>
                    <a:pt x="1114" y="1044"/>
                  </a:lnTo>
                  <a:lnTo>
                    <a:pt x="1108" y="1043"/>
                  </a:lnTo>
                  <a:lnTo>
                    <a:pt x="1100" y="1042"/>
                  </a:lnTo>
                  <a:lnTo>
                    <a:pt x="1100" y="1042"/>
                  </a:lnTo>
                  <a:lnTo>
                    <a:pt x="1098" y="1040"/>
                  </a:lnTo>
                  <a:lnTo>
                    <a:pt x="1096" y="1040"/>
                  </a:lnTo>
                  <a:lnTo>
                    <a:pt x="1092" y="1040"/>
                  </a:lnTo>
                  <a:lnTo>
                    <a:pt x="1090" y="1039"/>
                  </a:lnTo>
                  <a:lnTo>
                    <a:pt x="1090" y="1039"/>
                  </a:lnTo>
                  <a:lnTo>
                    <a:pt x="1078" y="1032"/>
                  </a:lnTo>
                  <a:lnTo>
                    <a:pt x="1068" y="1023"/>
                  </a:lnTo>
                  <a:lnTo>
                    <a:pt x="1060" y="1013"/>
                  </a:lnTo>
                  <a:lnTo>
                    <a:pt x="1053" y="1000"/>
                  </a:lnTo>
                  <a:lnTo>
                    <a:pt x="1048" y="986"/>
                  </a:lnTo>
                  <a:lnTo>
                    <a:pt x="1046" y="970"/>
                  </a:lnTo>
                  <a:lnTo>
                    <a:pt x="1045" y="953"/>
                  </a:lnTo>
                  <a:lnTo>
                    <a:pt x="1045" y="933"/>
                  </a:lnTo>
                  <a:lnTo>
                    <a:pt x="1045" y="933"/>
                  </a:lnTo>
                  <a:lnTo>
                    <a:pt x="1046" y="931"/>
                  </a:lnTo>
                  <a:lnTo>
                    <a:pt x="1046" y="926"/>
                  </a:lnTo>
                  <a:lnTo>
                    <a:pt x="1046" y="919"/>
                  </a:lnTo>
                  <a:lnTo>
                    <a:pt x="1046" y="895"/>
                  </a:lnTo>
                  <a:lnTo>
                    <a:pt x="1046" y="895"/>
                  </a:lnTo>
                  <a:lnTo>
                    <a:pt x="1047" y="893"/>
                  </a:lnTo>
                  <a:lnTo>
                    <a:pt x="1047" y="888"/>
                  </a:lnTo>
                  <a:lnTo>
                    <a:pt x="1047" y="880"/>
                  </a:lnTo>
                  <a:lnTo>
                    <a:pt x="1047" y="857"/>
                  </a:lnTo>
                  <a:lnTo>
                    <a:pt x="1047" y="857"/>
                  </a:lnTo>
                  <a:lnTo>
                    <a:pt x="1048" y="854"/>
                  </a:lnTo>
                  <a:lnTo>
                    <a:pt x="1048" y="850"/>
                  </a:lnTo>
                  <a:lnTo>
                    <a:pt x="1048" y="841"/>
                  </a:lnTo>
                  <a:lnTo>
                    <a:pt x="1048" y="841"/>
                  </a:lnTo>
                  <a:lnTo>
                    <a:pt x="1048" y="834"/>
                  </a:lnTo>
                  <a:lnTo>
                    <a:pt x="1048" y="831"/>
                  </a:lnTo>
                  <a:lnTo>
                    <a:pt x="1049" y="827"/>
                  </a:lnTo>
                  <a:lnTo>
                    <a:pt x="1049" y="827"/>
                  </a:lnTo>
                  <a:lnTo>
                    <a:pt x="1052" y="825"/>
                  </a:lnTo>
                  <a:lnTo>
                    <a:pt x="1052" y="822"/>
                  </a:lnTo>
                  <a:lnTo>
                    <a:pt x="1052" y="822"/>
                  </a:lnTo>
                  <a:lnTo>
                    <a:pt x="1057" y="813"/>
                  </a:lnTo>
                  <a:lnTo>
                    <a:pt x="1063" y="804"/>
                  </a:lnTo>
                  <a:lnTo>
                    <a:pt x="1063" y="804"/>
                  </a:lnTo>
                  <a:lnTo>
                    <a:pt x="1064" y="803"/>
                  </a:lnTo>
                  <a:lnTo>
                    <a:pt x="1066" y="801"/>
                  </a:lnTo>
                  <a:lnTo>
                    <a:pt x="1066" y="801"/>
                  </a:lnTo>
                  <a:lnTo>
                    <a:pt x="1067" y="797"/>
                  </a:lnTo>
                  <a:lnTo>
                    <a:pt x="1067" y="796"/>
                  </a:lnTo>
                  <a:lnTo>
                    <a:pt x="1068" y="795"/>
                  </a:lnTo>
                  <a:lnTo>
                    <a:pt x="1068" y="795"/>
                  </a:lnTo>
                  <a:lnTo>
                    <a:pt x="1075" y="781"/>
                  </a:lnTo>
                  <a:lnTo>
                    <a:pt x="1076" y="773"/>
                  </a:lnTo>
                  <a:lnTo>
                    <a:pt x="1077" y="764"/>
                  </a:lnTo>
                  <a:lnTo>
                    <a:pt x="1077" y="764"/>
                  </a:lnTo>
                  <a:lnTo>
                    <a:pt x="1078" y="761"/>
                  </a:lnTo>
                  <a:lnTo>
                    <a:pt x="1079" y="758"/>
                  </a:lnTo>
                  <a:lnTo>
                    <a:pt x="1079" y="751"/>
                  </a:lnTo>
                  <a:lnTo>
                    <a:pt x="1079" y="751"/>
                  </a:lnTo>
                  <a:lnTo>
                    <a:pt x="1081" y="750"/>
                  </a:lnTo>
                  <a:lnTo>
                    <a:pt x="1081" y="747"/>
                  </a:lnTo>
                  <a:lnTo>
                    <a:pt x="1081" y="746"/>
                  </a:lnTo>
                  <a:lnTo>
                    <a:pt x="1082" y="745"/>
                  </a:lnTo>
                  <a:lnTo>
                    <a:pt x="1082" y="745"/>
                  </a:lnTo>
                  <a:lnTo>
                    <a:pt x="1082" y="739"/>
                  </a:lnTo>
                  <a:lnTo>
                    <a:pt x="1083" y="736"/>
                  </a:lnTo>
                  <a:lnTo>
                    <a:pt x="1084" y="734"/>
                  </a:lnTo>
                  <a:lnTo>
                    <a:pt x="1084" y="728"/>
                  </a:lnTo>
                  <a:lnTo>
                    <a:pt x="1084" y="728"/>
                  </a:lnTo>
                  <a:lnTo>
                    <a:pt x="1085" y="728"/>
                  </a:lnTo>
                  <a:lnTo>
                    <a:pt x="1085" y="727"/>
                  </a:lnTo>
                  <a:lnTo>
                    <a:pt x="1085" y="727"/>
                  </a:lnTo>
                  <a:lnTo>
                    <a:pt x="1085" y="723"/>
                  </a:lnTo>
                  <a:lnTo>
                    <a:pt x="1085" y="721"/>
                  </a:lnTo>
                  <a:lnTo>
                    <a:pt x="1086" y="719"/>
                  </a:lnTo>
                  <a:lnTo>
                    <a:pt x="1086" y="716"/>
                  </a:lnTo>
                  <a:lnTo>
                    <a:pt x="1086" y="715"/>
                  </a:lnTo>
                  <a:lnTo>
                    <a:pt x="1086" y="715"/>
                  </a:lnTo>
                  <a:lnTo>
                    <a:pt x="1087" y="714"/>
                  </a:lnTo>
                  <a:lnTo>
                    <a:pt x="1087" y="712"/>
                  </a:lnTo>
                  <a:lnTo>
                    <a:pt x="1087" y="707"/>
                  </a:lnTo>
                  <a:lnTo>
                    <a:pt x="1087" y="707"/>
                  </a:lnTo>
                  <a:lnTo>
                    <a:pt x="1087" y="697"/>
                  </a:lnTo>
                  <a:lnTo>
                    <a:pt x="1089" y="685"/>
                  </a:lnTo>
                  <a:lnTo>
                    <a:pt x="1089" y="674"/>
                  </a:lnTo>
                  <a:lnTo>
                    <a:pt x="1089" y="674"/>
                  </a:lnTo>
                  <a:lnTo>
                    <a:pt x="1090" y="674"/>
                  </a:lnTo>
                  <a:lnTo>
                    <a:pt x="1091" y="674"/>
                  </a:lnTo>
                  <a:lnTo>
                    <a:pt x="1092" y="672"/>
                  </a:lnTo>
                  <a:lnTo>
                    <a:pt x="1093" y="671"/>
                  </a:lnTo>
                  <a:lnTo>
                    <a:pt x="1093" y="671"/>
                  </a:lnTo>
                  <a:lnTo>
                    <a:pt x="1098" y="671"/>
                  </a:lnTo>
                  <a:lnTo>
                    <a:pt x="1102" y="670"/>
                  </a:lnTo>
                  <a:lnTo>
                    <a:pt x="1111" y="667"/>
                  </a:lnTo>
                  <a:lnTo>
                    <a:pt x="1117" y="662"/>
                  </a:lnTo>
                  <a:lnTo>
                    <a:pt x="1123" y="656"/>
                  </a:lnTo>
                  <a:lnTo>
                    <a:pt x="1123" y="656"/>
                  </a:lnTo>
                  <a:lnTo>
                    <a:pt x="1129" y="640"/>
                  </a:lnTo>
                  <a:lnTo>
                    <a:pt x="1132" y="623"/>
                  </a:lnTo>
                  <a:lnTo>
                    <a:pt x="1139" y="587"/>
                  </a:lnTo>
                  <a:lnTo>
                    <a:pt x="1144" y="550"/>
                  </a:lnTo>
                  <a:lnTo>
                    <a:pt x="1151" y="513"/>
                  </a:lnTo>
                  <a:lnTo>
                    <a:pt x="1151" y="513"/>
                  </a:lnTo>
                  <a:lnTo>
                    <a:pt x="1152" y="508"/>
                  </a:lnTo>
                  <a:lnTo>
                    <a:pt x="1152" y="501"/>
                  </a:lnTo>
                  <a:lnTo>
                    <a:pt x="1151" y="486"/>
                  </a:lnTo>
                  <a:lnTo>
                    <a:pt x="1151" y="486"/>
                  </a:lnTo>
                  <a:lnTo>
                    <a:pt x="1154" y="486"/>
                  </a:lnTo>
                  <a:lnTo>
                    <a:pt x="1154" y="484"/>
                  </a:lnTo>
                  <a:lnTo>
                    <a:pt x="1152" y="481"/>
                  </a:lnTo>
                  <a:lnTo>
                    <a:pt x="1154" y="481"/>
                  </a:lnTo>
                  <a:lnTo>
                    <a:pt x="1154" y="481"/>
                  </a:lnTo>
                  <a:lnTo>
                    <a:pt x="1156" y="484"/>
                  </a:lnTo>
                  <a:lnTo>
                    <a:pt x="1158" y="483"/>
                  </a:lnTo>
                  <a:lnTo>
                    <a:pt x="1160" y="481"/>
                  </a:lnTo>
                  <a:lnTo>
                    <a:pt x="1164" y="479"/>
                  </a:lnTo>
                  <a:lnTo>
                    <a:pt x="1164" y="479"/>
                  </a:lnTo>
                  <a:lnTo>
                    <a:pt x="1168" y="480"/>
                  </a:lnTo>
                  <a:lnTo>
                    <a:pt x="1172" y="481"/>
                  </a:lnTo>
                  <a:lnTo>
                    <a:pt x="1172" y="481"/>
                  </a:lnTo>
                  <a:lnTo>
                    <a:pt x="1174" y="480"/>
                  </a:lnTo>
                  <a:lnTo>
                    <a:pt x="1175" y="479"/>
                  </a:lnTo>
                  <a:lnTo>
                    <a:pt x="1176" y="476"/>
                  </a:lnTo>
                  <a:lnTo>
                    <a:pt x="1177" y="473"/>
                  </a:lnTo>
                  <a:lnTo>
                    <a:pt x="1177" y="472"/>
                  </a:lnTo>
                  <a:lnTo>
                    <a:pt x="1177" y="472"/>
                  </a:lnTo>
                  <a:lnTo>
                    <a:pt x="1181" y="471"/>
                  </a:lnTo>
                  <a:lnTo>
                    <a:pt x="1183" y="472"/>
                  </a:lnTo>
                  <a:lnTo>
                    <a:pt x="1188" y="478"/>
                  </a:lnTo>
                  <a:lnTo>
                    <a:pt x="1188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4" y="478"/>
                  </a:lnTo>
                  <a:lnTo>
                    <a:pt x="1197" y="476"/>
                  </a:lnTo>
                  <a:lnTo>
                    <a:pt x="1200" y="474"/>
                  </a:lnTo>
                  <a:lnTo>
                    <a:pt x="1203" y="472"/>
                  </a:lnTo>
                  <a:lnTo>
                    <a:pt x="1204" y="468"/>
                  </a:lnTo>
                  <a:lnTo>
                    <a:pt x="1205" y="465"/>
                  </a:lnTo>
                  <a:lnTo>
                    <a:pt x="1204" y="463"/>
                  </a:lnTo>
                  <a:lnTo>
                    <a:pt x="1200" y="460"/>
                  </a:lnTo>
                  <a:lnTo>
                    <a:pt x="1200" y="458"/>
                  </a:lnTo>
                  <a:lnTo>
                    <a:pt x="1200" y="458"/>
                  </a:lnTo>
                  <a:lnTo>
                    <a:pt x="1205" y="457"/>
                  </a:lnTo>
                  <a:lnTo>
                    <a:pt x="1206" y="454"/>
                  </a:lnTo>
                  <a:lnTo>
                    <a:pt x="1206" y="453"/>
                  </a:lnTo>
                  <a:lnTo>
                    <a:pt x="1206" y="453"/>
                  </a:lnTo>
                  <a:lnTo>
                    <a:pt x="1207" y="452"/>
                  </a:lnTo>
                  <a:lnTo>
                    <a:pt x="1207" y="451"/>
                  </a:lnTo>
                  <a:lnTo>
                    <a:pt x="1206" y="450"/>
                  </a:lnTo>
                  <a:lnTo>
                    <a:pt x="1206" y="448"/>
                  </a:lnTo>
                  <a:lnTo>
                    <a:pt x="1206" y="448"/>
                  </a:lnTo>
                  <a:lnTo>
                    <a:pt x="1210" y="446"/>
                  </a:lnTo>
                  <a:lnTo>
                    <a:pt x="1211" y="446"/>
                  </a:lnTo>
                  <a:lnTo>
                    <a:pt x="1212" y="448"/>
                  </a:lnTo>
                  <a:lnTo>
                    <a:pt x="1212" y="448"/>
                  </a:lnTo>
                  <a:lnTo>
                    <a:pt x="1213" y="438"/>
                  </a:lnTo>
                  <a:lnTo>
                    <a:pt x="1212" y="429"/>
                  </a:lnTo>
                  <a:lnTo>
                    <a:pt x="1212" y="421"/>
                  </a:lnTo>
                  <a:lnTo>
                    <a:pt x="1212" y="415"/>
                  </a:lnTo>
                  <a:lnTo>
                    <a:pt x="1212" y="415"/>
                  </a:lnTo>
                  <a:lnTo>
                    <a:pt x="1213" y="414"/>
                  </a:lnTo>
                  <a:lnTo>
                    <a:pt x="1213" y="413"/>
                  </a:lnTo>
                  <a:lnTo>
                    <a:pt x="1213" y="413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09"/>
                  </a:lnTo>
                  <a:lnTo>
                    <a:pt x="1203" y="409"/>
                  </a:lnTo>
                  <a:lnTo>
                    <a:pt x="1203" y="400"/>
                  </a:lnTo>
                  <a:lnTo>
                    <a:pt x="1203" y="396"/>
                  </a:lnTo>
                  <a:lnTo>
                    <a:pt x="1202" y="392"/>
                  </a:lnTo>
                  <a:lnTo>
                    <a:pt x="1202" y="392"/>
                  </a:lnTo>
                  <a:lnTo>
                    <a:pt x="1197" y="404"/>
                  </a:lnTo>
                  <a:lnTo>
                    <a:pt x="1194" y="408"/>
                  </a:lnTo>
                  <a:lnTo>
                    <a:pt x="1190" y="414"/>
                  </a:lnTo>
                  <a:lnTo>
                    <a:pt x="1190" y="414"/>
                  </a:lnTo>
                  <a:lnTo>
                    <a:pt x="1190" y="412"/>
                  </a:lnTo>
                  <a:lnTo>
                    <a:pt x="1189" y="411"/>
                  </a:lnTo>
                  <a:lnTo>
                    <a:pt x="1187" y="408"/>
                  </a:lnTo>
                  <a:lnTo>
                    <a:pt x="1187" y="408"/>
                  </a:lnTo>
                  <a:lnTo>
                    <a:pt x="1188" y="398"/>
                  </a:lnTo>
                  <a:lnTo>
                    <a:pt x="1189" y="389"/>
                  </a:lnTo>
                  <a:lnTo>
                    <a:pt x="1190" y="378"/>
                  </a:lnTo>
                  <a:lnTo>
                    <a:pt x="1191" y="366"/>
                  </a:lnTo>
                  <a:lnTo>
                    <a:pt x="1191" y="362"/>
                  </a:lnTo>
                  <a:lnTo>
                    <a:pt x="1191" y="362"/>
                  </a:lnTo>
                  <a:lnTo>
                    <a:pt x="1191" y="358"/>
                  </a:lnTo>
                  <a:lnTo>
                    <a:pt x="1190" y="354"/>
                  </a:lnTo>
                  <a:lnTo>
                    <a:pt x="1190" y="354"/>
                  </a:lnTo>
                  <a:lnTo>
                    <a:pt x="1191" y="353"/>
                  </a:lnTo>
                  <a:lnTo>
                    <a:pt x="1190" y="351"/>
                  </a:lnTo>
                  <a:lnTo>
                    <a:pt x="1190" y="351"/>
                  </a:lnTo>
                  <a:lnTo>
                    <a:pt x="1190" y="347"/>
                  </a:lnTo>
                  <a:lnTo>
                    <a:pt x="1188" y="345"/>
                  </a:lnTo>
                  <a:lnTo>
                    <a:pt x="1188" y="345"/>
                  </a:lnTo>
                  <a:lnTo>
                    <a:pt x="1190" y="338"/>
                  </a:lnTo>
                  <a:lnTo>
                    <a:pt x="1192" y="330"/>
                  </a:lnTo>
                  <a:lnTo>
                    <a:pt x="1194" y="322"/>
                  </a:lnTo>
                  <a:lnTo>
                    <a:pt x="1194" y="317"/>
                  </a:lnTo>
                  <a:lnTo>
                    <a:pt x="1192" y="311"/>
                  </a:lnTo>
                  <a:lnTo>
                    <a:pt x="1192" y="311"/>
                  </a:lnTo>
                  <a:lnTo>
                    <a:pt x="1190" y="311"/>
                  </a:lnTo>
                  <a:lnTo>
                    <a:pt x="1189" y="314"/>
                  </a:lnTo>
                  <a:lnTo>
                    <a:pt x="1188" y="315"/>
                  </a:lnTo>
                  <a:lnTo>
                    <a:pt x="1187" y="316"/>
                  </a:lnTo>
                  <a:lnTo>
                    <a:pt x="1183" y="316"/>
                  </a:lnTo>
                  <a:lnTo>
                    <a:pt x="1183" y="316"/>
                  </a:lnTo>
                  <a:lnTo>
                    <a:pt x="1183" y="313"/>
                  </a:lnTo>
                  <a:lnTo>
                    <a:pt x="1182" y="310"/>
                  </a:lnTo>
                  <a:lnTo>
                    <a:pt x="1179" y="307"/>
                  </a:lnTo>
                  <a:lnTo>
                    <a:pt x="1179" y="303"/>
                  </a:lnTo>
                  <a:lnTo>
                    <a:pt x="1179" y="303"/>
                  </a:lnTo>
                  <a:lnTo>
                    <a:pt x="1176" y="293"/>
                  </a:lnTo>
                  <a:lnTo>
                    <a:pt x="1174" y="284"/>
                  </a:lnTo>
                  <a:lnTo>
                    <a:pt x="1174" y="283"/>
                  </a:lnTo>
                  <a:lnTo>
                    <a:pt x="1174" y="283"/>
                  </a:lnTo>
                  <a:lnTo>
                    <a:pt x="1164" y="255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47" y="220"/>
                  </a:lnTo>
                  <a:lnTo>
                    <a:pt x="1144" y="215"/>
                  </a:lnTo>
                  <a:lnTo>
                    <a:pt x="1144" y="215"/>
                  </a:lnTo>
                  <a:lnTo>
                    <a:pt x="1144" y="213"/>
                  </a:lnTo>
                  <a:lnTo>
                    <a:pt x="1143" y="211"/>
                  </a:lnTo>
                  <a:lnTo>
                    <a:pt x="1139" y="206"/>
                  </a:lnTo>
                  <a:lnTo>
                    <a:pt x="1139" y="206"/>
                  </a:lnTo>
                  <a:lnTo>
                    <a:pt x="1139" y="204"/>
                  </a:lnTo>
                  <a:lnTo>
                    <a:pt x="1138" y="203"/>
                  </a:lnTo>
                  <a:lnTo>
                    <a:pt x="1136" y="201"/>
                  </a:lnTo>
                  <a:lnTo>
                    <a:pt x="1136" y="201"/>
                  </a:lnTo>
                  <a:lnTo>
                    <a:pt x="1131" y="193"/>
                  </a:lnTo>
                  <a:lnTo>
                    <a:pt x="1127" y="186"/>
                  </a:lnTo>
                  <a:lnTo>
                    <a:pt x="1120" y="170"/>
                  </a:lnTo>
                  <a:lnTo>
                    <a:pt x="1113" y="153"/>
                  </a:lnTo>
                  <a:lnTo>
                    <a:pt x="1108" y="145"/>
                  </a:lnTo>
                  <a:lnTo>
                    <a:pt x="1104" y="138"/>
                  </a:lnTo>
                  <a:lnTo>
                    <a:pt x="1104" y="138"/>
                  </a:lnTo>
                  <a:lnTo>
                    <a:pt x="1100" y="135"/>
                  </a:lnTo>
                  <a:lnTo>
                    <a:pt x="1099" y="133"/>
                  </a:lnTo>
                  <a:lnTo>
                    <a:pt x="1098" y="130"/>
                  </a:lnTo>
                  <a:lnTo>
                    <a:pt x="1098" y="130"/>
                  </a:lnTo>
                  <a:lnTo>
                    <a:pt x="1096" y="123"/>
                  </a:lnTo>
                  <a:lnTo>
                    <a:pt x="1091" y="117"/>
                  </a:lnTo>
                  <a:lnTo>
                    <a:pt x="1082" y="106"/>
                  </a:lnTo>
                  <a:lnTo>
                    <a:pt x="1082" y="106"/>
                  </a:lnTo>
                  <a:lnTo>
                    <a:pt x="1079" y="106"/>
                  </a:lnTo>
                  <a:lnTo>
                    <a:pt x="1079" y="104"/>
                  </a:lnTo>
                  <a:lnTo>
                    <a:pt x="1079" y="104"/>
                  </a:lnTo>
                  <a:lnTo>
                    <a:pt x="1071" y="95"/>
                  </a:lnTo>
                  <a:lnTo>
                    <a:pt x="1061" y="87"/>
                  </a:lnTo>
                  <a:lnTo>
                    <a:pt x="1040" y="74"/>
                  </a:lnTo>
                  <a:lnTo>
                    <a:pt x="1040" y="74"/>
                  </a:lnTo>
                  <a:lnTo>
                    <a:pt x="1031" y="66"/>
                  </a:lnTo>
                  <a:lnTo>
                    <a:pt x="1025" y="62"/>
                  </a:lnTo>
                  <a:lnTo>
                    <a:pt x="1019" y="59"/>
                  </a:lnTo>
                  <a:lnTo>
                    <a:pt x="1019" y="59"/>
                  </a:lnTo>
                  <a:lnTo>
                    <a:pt x="1013" y="53"/>
                  </a:lnTo>
                  <a:lnTo>
                    <a:pt x="1006" y="48"/>
                  </a:lnTo>
                  <a:lnTo>
                    <a:pt x="996" y="46"/>
                  </a:lnTo>
                  <a:lnTo>
                    <a:pt x="987" y="43"/>
                  </a:lnTo>
                  <a:lnTo>
                    <a:pt x="986" y="43"/>
                  </a:lnTo>
                  <a:lnTo>
                    <a:pt x="986" y="43"/>
                  </a:lnTo>
                  <a:lnTo>
                    <a:pt x="972" y="38"/>
                  </a:lnTo>
                  <a:lnTo>
                    <a:pt x="971" y="38"/>
                  </a:lnTo>
                  <a:lnTo>
                    <a:pt x="971" y="38"/>
                  </a:lnTo>
                  <a:lnTo>
                    <a:pt x="961" y="36"/>
                  </a:lnTo>
                  <a:lnTo>
                    <a:pt x="951" y="33"/>
                  </a:lnTo>
                  <a:lnTo>
                    <a:pt x="942" y="30"/>
                  </a:lnTo>
                  <a:lnTo>
                    <a:pt x="931" y="27"/>
                  </a:lnTo>
                  <a:lnTo>
                    <a:pt x="931" y="27"/>
                  </a:lnTo>
                  <a:lnTo>
                    <a:pt x="923" y="24"/>
                  </a:lnTo>
                  <a:lnTo>
                    <a:pt x="913" y="23"/>
                  </a:lnTo>
                  <a:lnTo>
                    <a:pt x="905" y="22"/>
                  </a:lnTo>
                  <a:lnTo>
                    <a:pt x="897" y="20"/>
                  </a:lnTo>
                  <a:lnTo>
                    <a:pt x="897" y="20"/>
                  </a:lnTo>
                  <a:lnTo>
                    <a:pt x="890" y="17"/>
                  </a:lnTo>
                  <a:lnTo>
                    <a:pt x="882" y="15"/>
                  </a:lnTo>
                  <a:lnTo>
                    <a:pt x="882" y="15"/>
                  </a:lnTo>
                  <a:lnTo>
                    <a:pt x="880" y="15"/>
                  </a:lnTo>
                  <a:lnTo>
                    <a:pt x="879" y="15"/>
                  </a:lnTo>
                  <a:lnTo>
                    <a:pt x="878" y="14"/>
                  </a:lnTo>
                  <a:lnTo>
                    <a:pt x="875" y="14"/>
                  </a:lnTo>
                  <a:lnTo>
                    <a:pt x="875" y="14"/>
                  </a:lnTo>
                  <a:lnTo>
                    <a:pt x="874" y="12"/>
                  </a:lnTo>
                  <a:lnTo>
                    <a:pt x="872" y="10"/>
                  </a:lnTo>
                  <a:lnTo>
                    <a:pt x="867" y="8"/>
                  </a:lnTo>
                  <a:lnTo>
                    <a:pt x="867" y="8"/>
                  </a:lnTo>
                  <a:lnTo>
                    <a:pt x="859" y="6"/>
                  </a:lnTo>
                  <a:lnTo>
                    <a:pt x="855" y="5"/>
                  </a:lnTo>
                  <a:lnTo>
                    <a:pt x="849" y="5"/>
                  </a:lnTo>
                  <a:lnTo>
                    <a:pt x="849" y="5"/>
                  </a:lnTo>
                  <a:lnTo>
                    <a:pt x="842" y="2"/>
                  </a:lnTo>
                  <a:lnTo>
                    <a:pt x="837" y="2"/>
                  </a:lnTo>
                  <a:lnTo>
                    <a:pt x="834" y="3"/>
                  </a:lnTo>
                  <a:lnTo>
                    <a:pt x="834" y="3"/>
                  </a:lnTo>
                  <a:lnTo>
                    <a:pt x="815" y="1"/>
                  </a:lnTo>
                  <a:lnTo>
                    <a:pt x="806" y="0"/>
                  </a:lnTo>
                  <a:lnTo>
                    <a:pt x="795" y="1"/>
                  </a:lnTo>
                  <a:lnTo>
                    <a:pt x="795" y="1"/>
                  </a:lnTo>
                  <a:lnTo>
                    <a:pt x="792" y="1"/>
                  </a:lnTo>
                  <a:lnTo>
                    <a:pt x="790" y="3"/>
                  </a:lnTo>
                  <a:lnTo>
                    <a:pt x="785" y="6"/>
                  </a:lnTo>
                  <a:lnTo>
                    <a:pt x="785" y="6"/>
                  </a:lnTo>
                  <a:lnTo>
                    <a:pt x="782" y="5"/>
                  </a:lnTo>
                  <a:lnTo>
                    <a:pt x="778" y="3"/>
                  </a:lnTo>
                  <a:lnTo>
                    <a:pt x="778" y="3"/>
                  </a:lnTo>
                  <a:lnTo>
                    <a:pt x="774" y="3"/>
                  </a:lnTo>
                  <a:lnTo>
                    <a:pt x="769" y="5"/>
                  </a:lnTo>
                  <a:lnTo>
                    <a:pt x="766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54" y="8"/>
                  </a:lnTo>
                  <a:lnTo>
                    <a:pt x="751" y="9"/>
                  </a:lnTo>
                  <a:lnTo>
                    <a:pt x="747" y="10"/>
                  </a:lnTo>
                  <a:lnTo>
                    <a:pt x="747" y="10"/>
                  </a:lnTo>
                  <a:lnTo>
                    <a:pt x="744" y="12"/>
                  </a:lnTo>
                  <a:lnTo>
                    <a:pt x="742" y="13"/>
                  </a:lnTo>
                  <a:lnTo>
                    <a:pt x="736" y="15"/>
                  </a:lnTo>
                  <a:lnTo>
                    <a:pt x="736" y="15"/>
                  </a:lnTo>
                  <a:lnTo>
                    <a:pt x="730" y="16"/>
                  </a:lnTo>
                  <a:lnTo>
                    <a:pt x="722" y="17"/>
                  </a:lnTo>
                  <a:lnTo>
                    <a:pt x="708" y="23"/>
                  </a:lnTo>
                  <a:lnTo>
                    <a:pt x="708" y="23"/>
                  </a:lnTo>
                  <a:lnTo>
                    <a:pt x="705" y="23"/>
                  </a:lnTo>
                  <a:lnTo>
                    <a:pt x="702" y="24"/>
                  </a:lnTo>
                  <a:lnTo>
                    <a:pt x="702" y="24"/>
                  </a:lnTo>
                  <a:lnTo>
                    <a:pt x="699" y="24"/>
                  </a:lnTo>
                  <a:lnTo>
                    <a:pt x="697" y="25"/>
                  </a:lnTo>
                  <a:lnTo>
                    <a:pt x="692" y="29"/>
                  </a:lnTo>
                  <a:lnTo>
                    <a:pt x="692" y="29"/>
                  </a:lnTo>
                  <a:lnTo>
                    <a:pt x="690" y="29"/>
                  </a:lnTo>
                  <a:lnTo>
                    <a:pt x="687" y="30"/>
                  </a:lnTo>
                  <a:lnTo>
                    <a:pt x="684" y="32"/>
                  </a:lnTo>
                  <a:lnTo>
                    <a:pt x="684" y="32"/>
                  </a:lnTo>
                  <a:lnTo>
                    <a:pt x="683" y="32"/>
                  </a:lnTo>
                  <a:lnTo>
                    <a:pt x="680" y="33"/>
                  </a:lnTo>
                  <a:lnTo>
                    <a:pt x="677" y="39"/>
                  </a:lnTo>
                  <a:lnTo>
                    <a:pt x="677" y="39"/>
                  </a:lnTo>
                  <a:lnTo>
                    <a:pt x="665" y="46"/>
                  </a:lnTo>
                  <a:lnTo>
                    <a:pt x="654" y="52"/>
                  </a:lnTo>
                  <a:lnTo>
                    <a:pt x="628" y="63"/>
                  </a:lnTo>
                  <a:lnTo>
                    <a:pt x="620" y="63"/>
                  </a:lnTo>
                  <a:lnTo>
                    <a:pt x="620" y="63"/>
                  </a:lnTo>
                  <a:lnTo>
                    <a:pt x="617" y="63"/>
                  </a:lnTo>
                  <a:lnTo>
                    <a:pt x="614" y="65"/>
                  </a:lnTo>
                  <a:lnTo>
                    <a:pt x="611" y="66"/>
                  </a:lnTo>
                  <a:lnTo>
                    <a:pt x="609" y="68"/>
                  </a:lnTo>
                  <a:lnTo>
                    <a:pt x="607" y="74"/>
                  </a:lnTo>
                  <a:lnTo>
                    <a:pt x="604" y="80"/>
                  </a:lnTo>
                  <a:lnTo>
                    <a:pt x="604" y="80"/>
                  </a:lnTo>
                  <a:lnTo>
                    <a:pt x="602" y="80"/>
                  </a:lnTo>
                  <a:lnTo>
                    <a:pt x="601" y="81"/>
                  </a:lnTo>
                  <a:lnTo>
                    <a:pt x="601" y="83"/>
                  </a:lnTo>
                  <a:lnTo>
                    <a:pt x="599" y="84"/>
                  </a:lnTo>
                  <a:lnTo>
                    <a:pt x="599" y="84"/>
                  </a:lnTo>
                  <a:lnTo>
                    <a:pt x="594" y="87"/>
                  </a:lnTo>
                  <a:lnTo>
                    <a:pt x="589" y="91"/>
                  </a:lnTo>
                  <a:lnTo>
                    <a:pt x="587" y="96"/>
                  </a:lnTo>
                  <a:lnTo>
                    <a:pt x="586" y="100"/>
                  </a:lnTo>
                  <a:lnTo>
                    <a:pt x="585" y="100"/>
                  </a:lnTo>
                  <a:lnTo>
                    <a:pt x="585" y="100"/>
                  </a:lnTo>
                  <a:lnTo>
                    <a:pt x="574" y="105"/>
                  </a:lnTo>
                  <a:lnTo>
                    <a:pt x="566" y="110"/>
                  </a:lnTo>
                  <a:lnTo>
                    <a:pt x="566" y="110"/>
                  </a:lnTo>
                  <a:lnTo>
                    <a:pt x="564" y="110"/>
                  </a:lnTo>
                  <a:lnTo>
                    <a:pt x="564" y="111"/>
                  </a:lnTo>
                  <a:lnTo>
                    <a:pt x="563" y="111"/>
                  </a:lnTo>
                  <a:lnTo>
                    <a:pt x="563" y="111"/>
                  </a:lnTo>
                  <a:lnTo>
                    <a:pt x="560" y="112"/>
                  </a:lnTo>
                  <a:lnTo>
                    <a:pt x="558" y="113"/>
                  </a:lnTo>
                  <a:lnTo>
                    <a:pt x="555" y="114"/>
                  </a:lnTo>
                  <a:lnTo>
                    <a:pt x="554" y="117"/>
                  </a:lnTo>
                  <a:lnTo>
                    <a:pt x="552" y="117"/>
                  </a:lnTo>
                  <a:lnTo>
                    <a:pt x="552" y="117"/>
                  </a:lnTo>
                  <a:lnTo>
                    <a:pt x="550" y="118"/>
                  </a:lnTo>
                  <a:lnTo>
                    <a:pt x="547" y="120"/>
                  </a:lnTo>
                  <a:lnTo>
                    <a:pt x="544" y="122"/>
                  </a:lnTo>
                  <a:lnTo>
                    <a:pt x="542" y="125"/>
                  </a:lnTo>
                  <a:lnTo>
                    <a:pt x="542" y="125"/>
                  </a:lnTo>
                  <a:lnTo>
                    <a:pt x="539" y="128"/>
                  </a:lnTo>
                  <a:lnTo>
                    <a:pt x="535" y="133"/>
                  </a:lnTo>
                  <a:lnTo>
                    <a:pt x="535" y="133"/>
                  </a:lnTo>
                  <a:lnTo>
                    <a:pt x="533" y="134"/>
                  </a:lnTo>
                  <a:lnTo>
                    <a:pt x="532" y="136"/>
                  </a:lnTo>
                  <a:lnTo>
                    <a:pt x="529" y="141"/>
                  </a:lnTo>
                  <a:lnTo>
                    <a:pt x="529" y="142"/>
                  </a:lnTo>
                  <a:lnTo>
                    <a:pt x="529" y="142"/>
                  </a:lnTo>
                  <a:lnTo>
                    <a:pt x="527" y="145"/>
                  </a:lnTo>
                  <a:lnTo>
                    <a:pt x="525" y="149"/>
                  </a:lnTo>
                  <a:lnTo>
                    <a:pt x="525" y="149"/>
                  </a:lnTo>
                  <a:lnTo>
                    <a:pt x="522" y="153"/>
                  </a:lnTo>
                  <a:lnTo>
                    <a:pt x="520" y="159"/>
                  </a:lnTo>
                  <a:lnTo>
                    <a:pt x="520" y="159"/>
                  </a:lnTo>
                  <a:lnTo>
                    <a:pt x="519" y="164"/>
                  </a:lnTo>
                  <a:lnTo>
                    <a:pt x="518" y="168"/>
                  </a:lnTo>
                  <a:lnTo>
                    <a:pt x="518" y="168"/>
                  </a:lnTo>
                  <a:lnTo>
                    <a:pt x="515" y="171"/>
                  </a:lnTo>
                  <a:lnTo>
                    <a:pt x="514" y="173"/>
                  </a:lnTo>
                  <a:lnTo>
                    <a:pt x="514" y="181"/>
                  </a:lnTo>
                  <a:lnTo>
                    <a:pt x="514" y="181"/>
                  </a:lnTo>
                  <a:lnTo>
                    <a:pt x="511" y="189"/>
                  </a:lnTo>
                  <a:lnTo>
                    <a:pt x="509" y="197"/>
                  </a:lnTo>
                  <a:lnTo>
                    <a:pt x="509" y="197"/>
                  </a:lnTo>
                  <a:lnTo>
                    <a:pt x="506" y="198"/>
                  </a:lnTo>
                  <a:lnTo>
                    <a:pt x="505" y="200"/>
                  </a:lnTo>
                  <a:lnTo>
                    <a:pt x="504" y="205"/>
                  </a:lnTo>
                  <a:lnTo>
                    <a:pt x="504" y="205"/>
                  </a:lnTo>
                  <a:lnTo>
                    <a:pt x="503" y="209"/>
                  </a:lnTo>
                  <a:lnTo>
                    <a:pt x="502" y="211"/>
                  </a:lnTo>
                  <a:lnTo>
                    <a:pt x="499" y="213"/>
                  </a:lnTo>
                  <a:lnTo>
                    <a:pt x="498" y="217"/>
                  </a:lnTo>
                  <a:lnTo>
                    <a:pt x="498" y="217"/>
                  </a:lnTo>
                  <a:lnTo>
                    <a:pt x="496" y="220"/>
                  </a:lnTo>
                  <a:lnTo>
                    <a:pt x="494" y="225"/>
                  </a:lnTo>
                  <a:lnTo>
                    <a:pt x="490" y="235"/>
                  </a:lnTo>
                  <a:lnTo>
                    <a:pt x="488" y="247"/>
                  </a:lnTo>
                  <a:lnTo>
                    <a:pt x="485" y="258"/>
                  </a:lnTo>
                  <a:lnTo>
                    <a:pt x="485" y="262"/>
                  </a:lnTo>
                  <a:lnTo>
                    <a:pt x="485" y="262"/>
                  </a:lnTo>
                  <a:lnTo>
                    <a:pt x="483" y="268"/>
                  </a:lnTo>
                  <a:lnTo>
                    <a:pt x="484" y="271"/>
                  </a:lnTo>
                  <a:lnTo>
                    <a:pt x="485" y="273"/>
                  </a:lnTo>
                  <a:lnTo>
                    <a:pt x="485" y="273"/>
                  </a:lnTo>
                  <a:lnTo>
                    <a:pt x="485" y="280"/>
                  </a:lnTo>
                  <a:lnTo>
                    <a:pt x="485" y="283"/>
                  </a:lnTo>
                  <a:lnTo>
                    <a:pt x="485" y="285"/>
                  </a:lnTo>
                  <a:lnTo>
                    <a:pt x="485" y="285"/>
                  </a:lnTo>
                  <a:lnTo>
                    <a:pt x="484" y="288"/>
                  </a:lnTo>
                  <a:lnTo>
                    <a:pt x="483" y="290"/>
                  </a:lnTo>
                  <a:lnTo>
                    <a:pt x="482" y="288"/>
                  </a:lnTo>
                  <a:lnTo>
                    <a:pt x="482" y="288"/>
                  </a:lnTo>
                  <a:lnTo>
                    <a:pt x="483" y="292"/>
                  </a:lnTo>
                  <a:lnTo>
                    <a:pt x="483" y="294"/>
                  </a:lnTo>
                  <a:lnTo>
                    <a:pt x="482" y="299"/>
                  </a:lnTo>
                  <a:lnTo>
                    <a:pt x="480" y="303"/>
                  </a:lnTo>
                  <a:lnTo>
                    <a:pt x="480" y="306"/>
                  </a:lnTo>
                  <a:lnTo>
                    <a:pt x="482" y="309"/>
                  </a:lnTo>
                  <a:lnTo>
                    <a:pt x="482" y="310"/>
                  </a:lnTo>
                  <a:lnTo>
                    <a:pt x="482" y="310"/>
                  </a:lnTo>
                  <a:lnTo>
                    <a:pt x="481" y="314"/>
                  </a:lnTo>
                  <a:lnTo>
                    <a:pt x="480" y="317"/>
                  </a:lnTo>
                  <a:lnTo>
                    <a:pt x="480" y="321"/>
                  </a:lnTo>
                  <a:lnTo>
                    <a:pt x="480" y="321"/>
                  </a:lnTo>
                  <a:lnTo>
                    <a:pt x="479" y="324"/>
                  </a:lnTo>
                  <a:lnTo>
                    <a:pt x="479" y="328"/>
                  </a:lnTo>
                  <a:lnTo>
                    <a:pt x="479" y="337"/>
                  </a:lnTo>
                  <a:lnTo>
                    <a:pt x="479" y="337"/>
                  </a:lnTo>
                  <a:lnTo>
                    <a:pt x="477" y="340"/>
                  </a:lnTo>
                  <a:lnTo>
                    <a:pt x="475" y="343"/>
                  </a:lnTo>
                  <a:lnTo>
                    <a:pt x="474" y="346"/>
                  </a:lnTo>
                  <a:lnTo>
                    <a:pt x="475" y="348"/>
                  </a:lnTo>
                  <a:lnTo>
                    <a:pt x="475" y="348"/>
                  </a:lnTo>
                  <a:lnTo>
                    <a:pt x="474" y="352"/>
                  </a:lnTo>
                  <a:lnTo>
                    <a:pt x="473" y="354"/>
                  </a:lnTo>
                  <a:lnTo>
                    <a:pt x="469" y="358"/>
                  </a:lnTo>
                  <a:lnTo>
                    <a:pt x="469" y="358"/>
                  </a:lnTo>
                  <a:lnTo>
                    <a:pt x="473" y="371"/>
                  </a:lnTo>
                  <a:lnTo>
                    <a:pt x="474" y="383"/>
                  </a:lnTo>
                  <a:lnTo>
                    <a:pt x="475" y="396"/>
                  </a:lnTo>
                  <a:lnTo>
                    <a:pt x="477" y="408"/>
                  </a:lnTo>
                  <a:lnTo>
                    <a:pt x="477" y="408"/>
                  </a:lnTo>
                  <a:lnTo>
                    <a:pt x="475" y="408"/>
                  </a:lnTo>
                  <a:lnTo>
                    <a:pt x="475" y="409"/>
                  </a:lnTo>
                  <a:lnTo>
                    <a:pt x="476" y="413"/>
                  </a:lnTo>
                  <a:lnTo>
                    <a:pt x="477" y="415"/>
                  </a:lnTo>
                  <a:lnTo>
                    <a:pt x="479" y="415"/>
                  </a:lnTo>
                  <a:lnTo>
                    <a:pt x="479" y="414"/>
                  </a:lnTo>
                  <a:lnTo>
                    <a:pt x="479" y="414"/>
                  </a:lnTo>
                  <a:lnTo>
                    <a:pt x="480" y="421"/>
                  </a:lnTo>
                  <a:lnTo>
                    <a:pt x="483" y="429"/>
                  </a:lnTo>
                  <a:lnTo>
                    <a:pt x="487" y="438"/>
                  </a:lnTo>
                  <a:lnTo>
                    <a:pt x="488" y="450"/>
                  </a:lnTo>
                  <a:lnTo>
                    <a:pt x="488" y="450"/>
                  </a:lnTo>
                  <a:lnTo>
                    <a:pt x="487" y="450"/>
                  </a:lnTo>
                  <a:lnTo>
                    <a:pt x="487" y="451"/>
                  </a:lnTo>
                  <a:lnTo>
                    <a:pt x="487" y="454"/>
                  </a:lnTo>
                  <a:lnTo>
                    <a:pt x="487" y="454"/>
                  </a:lnTo>
                  <a:lnTo>
                    <a:pt x="485" y="456"/>
                  </a:lnTo>
                  <a:lnTo>
                    <a:pt x="485" y="456"/>
                  </a:lnTo>
                  <a:lnTo>
                    <a:pt x="485" y="461"/>
                  </a:lnTo>
                  <a:lnTo>
                    <a:pt x="485" y="461"/>
                  </a:lnTo>
                  <a:lnTo>
                    <a:pt x="483" y="466"/>
                  </a:lnTo>
                  <a:lnTo>
                    <a:pt x="481" y="471"/>
                  </a:lnTo>
                  <a:lnTo>
                    <a:pt x="481" y="472"/>
                  </a:lnTo>
                  <a:lnTo>
                    <a:pt x="481" y="472"/>
                  </a:lnTo>
                  <a:lnTo>
                    <a:pt x="481" y="473"/>
                  </a:lnTo>
                  <a:lnTo>
                    <a:pt x="480" y="474"/>
                  </a:lnTo>
                  <a:lnTo>
                    <a:pt x="480" y="475"/>
                  </a:lnTo>
                  <a:lnTo>
                    <a:pt x="480" y="478"/>
                  </a:lnTo>
                  <a:lnTo>
                    <a:pt x="480" y="478"/>
                  </a:lnTo>
                  <a:lnTo>
                    <a:pt x="479" y="482"/>
                  </a:lnTo>
                  <a:lnTo>
                    <a:pt x="479" y="484"/>
                  </a:lnTo>
                  <a:lnTo>
                    <a:pt x="479" y="487"/>
                  </a:lnTo>
                  <a:lnTo>
                    <a:pt x="479" y="490"/>
                  </a:lnTo>
                  <a:lnTo>
                    <a:pt x="479" y="490"/>
                  </a:lnTo>
                  <a:lnTo>
                    <a:pt x="474" y="495"/>
                  </a:lnTo>
                  <a:lnTo>
                    <a:pt x="472" y="501"/>
                  </a:lnTo>
                  <a:lnTo>
                    <a:pt x="472" y="501"/>
                  </a:lnTo>
                  <a:lnTo>
                    <a:pt x="475" y="506"/>
                  </a:lnTo>
                  <a:lnTo>
                    <a:pt x="476" y="512"/>
                  </a:lnTo>
                  <a:lnTo>
                    <a:pt x="476" y="516"/>
                  </a:lnTo>
                  <a:lnTo>
                    <a:pt x="475" y="518"/>
                  </a:lnTo>
                  <a:lnTo>
                    <a:pt x="473" y="519"/>
                  </a:lnTo>
                  <a:lnTo>
                    <a:pt x="469" y="520"/>
                  </a:lnTo>
                  <a:lnTo>
                    <a:pt x="469" y="520"/>
                  </a:lnTo>
                  <a:lnTo>
                    <a:pt x="471" y="523"/>
                  </a:lnTo>
                  <a:lnTo>
                    <a:pt x="472" y="525"/>
                  </a:lnTo>
                  <a:lnTo>
                    <a:pt x="475" y="528"/>
                  </a:lnTo>
                  <a:lnTo>
                    <a:pt x="479" y="532"/>
                  </a:lnTo>
                  <a:lnTo>
                    <a:pt x="481" y="534"/>
                  </a:lnTo>
                  <a:lnTo>
                    <a:pt x="482" y="536"/>
                  </a:lnTo>
                  <a:lnTo>
                    <a:pt x="482" y="536"/>
                  </a:lnTo>
                  <a:lnTo>
                    <a:pt x="482" y="541"/>
                  </a:lnTo>
                  <a:lnTo>
                    <a:pt x="481" y="544"/>
                  </a:lnTo>
                  <a:lnTo>
                    <a:pt x="481" y="547"/>
                  </a:lnTo>
                  <a:lnTo>
                    <a:pt x="482" y="548"/>
                  </a:lnTo>
                  <a:lnTo>
                    <a:pt x="483" y="547"/>
                  </a:lnTo>
                  <a:lnTo>
                    <a:pt x="483" y="547"/>
                  </a:lnTo>
                  <a:lnTo>
                    <a:pt x="482" y="548"/>
                  </a:lnTo>
                  <a:lnTo>
                    <a:pt x="482" y="549"/>
                  </a:lnTo>
                  <a:lnTo>
                    <a:pt x="483" y="550"/>
                  </a:lnTo>
                  <a:lnTo>
                    <a:pt x="485" y="551"/>
                  </a:lnTo>
                  <a:lnTo>
                    <a:pt x="487" y="553"/>
                  </a:lnTo>
                  <a:lnTo>
                    <a:pt x="487" y="553"/>
                  </a:lnTo>
                  <a:lnTo>
                    <a:pt x="487" y="554"/>
                  </a:lnTo>
                  <a:lnTo>
                    <a:pt x="487" y="557"/>
                  </a:lnTo>
                  <a:lnTo>
                    <a:pt x="487" y="557"/>
                  </a:lnTo>
                  <a:lnTo>
                    <a:pt x="488" y="558"/>
                  </a:lnTo>
                  <a:lnTo>
                    <a:pt x="489" y="558"/>
                  </a:lnTo>
                  <a:lnTo>
                    <a:pt x="490" y="561"/>
                  </a:lnTo>
                  <a:lnTo>
                    <a:pt x="489" y="563"/>
                  </a:lnTo>
                  <a:lnTo>
                    <a:pt x="489" y="563"/>
                  </a:lnTo>
                  <a:lnTo>
                    <a:pt x="492" y="568"/>
                  </a:lnTo>
                  <a:lnTo>
                    <a:pt x="495" y="571"/>
                  </a:lnTo>
                  <a:lnTo>
                    <a:pt x="502" y="577"/>
                  </a:lnTo>
                  <a:lnTo>
                    <a:pt x="502" y="577"/>
                  </a:lnTo>
                  <a:lnTo>
                    <a:pt x="502" y="589"/>
                  </a:lnTo>
                  <a:lnTo>
                    <a:pt x="503" y="594"/>
                  </a:lnTo>
                  <a:lnTo>
                    <a:pt x="505" y="599"/>
                  </a:lnTo>
                  <a:lnTo>
                    <a:pt x="505" y="599"/>
                  </a:lnTo>
                  <a:lnTo>
                    <a:pt x="507" y="601"/>
                  </a:lnTo>
                  <a:lnTo>
                    <a:pt x="511" y="604"/>
                  </a:lnTo>
                  <a:lnTo>
                    <a:pt x="513" y="607"/>
                  </a:lnTo>
                  <a:lnTo>
                    <a:pt x="514" y="607"/>
                  </a:lnTo>
                  <a:lnTo>
                    <a:pt x="515" y="607"/>
                  </a:lnTo>
                  <a:lnTo>
                    <a:pt x="515" y="607"/>
                  </a:lnTo>
                  <a:lnTo>
                    <a:pt x="517" y="608"/>
                  </a:lnTo>
                  <a:lnTo>
                    <a:pt x="518" y="610"/>
                  </a:lnTo>
                  <a:lnTo>
                    <a:pt x="521" y="614"/>
                  </a:lnTo>
                  <a:lnTo>
                    <a:pt x="530" y="618"/>
                  </a:lnTo>
                  <a:lnTo>
                    <a:pt x="530" y="618"/>
                  </a:lnTo>
                  <a:lnTo>
                    <a:pt x="534" y="625"/>
                  </a:lnTo>
                  <a:lnTo>
                    <a:pt x="535" y="629"/>
                  </a:lnTo>
                  <a:lnTo>
                    <a:pt x="536" y="632"/>
                  </a:lnTo>
                  <a:lnTo>
                    <a:pt x="536" y="632"/>
                  </a:lnTo>
                  <a:lnTo>
                    <a:pt x="536" y="633"/>
                  </a:lnTo>
                  <a:lnTo>
                    <a:pt x="537" y="636"/>
                  </a:lnTo>
                  <a:lnTo>
                    <a:pt x="537" y="636"/>
                  </a:lnTo>
                  <a:lnTo>
                    <a:pt x="539" y="640"/>
                  </a:lnTo>
                  <a:lnTo>
                    <a:pt x="540" y="642"/>
                  </a:lnTo>
                  <a:lnTo>
                    <a:pt x="540" y="645"/>
                  </a:lnTo>
                  <a:lnTo>
                    <a:pt x="540" y="645"/>
                  </a:lnTo>
                  <a:lnTo>
                    <a:pt x="539" y="649"/>
                  </a:lnTo>
                  <a:lnTo>
                    <a:pt x="537" y="652"/>
                  </a:lnTo>
                  <a:lnTo>
                    <a:pt x="537" y="652"/>
                  </a:lnTo>
                  <a:lnTo>
                    <a:pt x="536" y="652"/>
                  </a:lnTo>
                  <a:lnTo>
                    <a:pt x="536" y="653"/>
                  </a:lnTo>
                  <a:lnTo>
                    <a:pt x="536" y="653"/>
                  </a:lnTo>
                  <a:lnTo>
                    <a:pt x="537" y="659"/>
                  </a:lnTo>
                  <a:lnTo>
                    <a:pt x="539" y="663"/>
                  </a:lnTo>
                  <a:lnTo>
                    <a:pt x="539" y="663"/>
                  </a:lnTo>
                  <a:lnTo>
                    <a:pt x="539" y="667"/>
                  </a:lnTo>
                  <a:lnTo>
                    <a:pt x="537" y="669"/>
                  </a:lnTo>
                  <a:lnTo>
                    <a:pt x="537" y="669"/>
                  </a:lnTo>
                  <a:lnTo>
                    <a:pt x="537" y="672"/>
                  </a:lnTo>
                  <a:lnTo>
                    <a:pt x="537" y="676"/>
                  </a:lnTo>
                  <a:lnTo>
                    <a:pt x="540" y="682"/>
                  </a:lnTo>
                  <a:lnTo>
                    <a:pt x="540" y="682"/>
                  </a:lnTo>
                  <a:lnTo>
                    <a:pt x="542" y="685"/>
                  </a:lnTo>
                  <a:lnTo>
                    <a:pt x="542" y="685"/>
                  </a:lnTo>
                  <a:lnTo>
                    <a:pt x="542" y="689"/>
                  </a:lnTo>
                  <a:lnTo>
                    <a:pt x="543" y="694"/>
                  </a:lnTo>
                  <a:lnTo>
                    <a:pt x="545" y="696"/>
                  </a:lnTo>
                  <a:lnTo>
                    <a:pt x="547" y="698"/>
                  </a:lnTo>
                  <a:lnTo>
                    <a:pt x="550" y="698"/>
                  </a:lnTo>
                  <a:lnTo>
                    <a:pt x="552" y="698"/>
                  </a:lnTo>
                  <a:lnTo>
                    <a:pt x="555" y="698"/>
                  </a:lnTo>
                  <a:lnTo>
                    <a:pt x="555" y="698"/>
                  </a:lnTo>
                  <a:lnTo>
                    <a:pt x="562" y="704"/>
                  </a:lnTo>
                  <a:lnTo>
                    <a:pt x="570" y="709"/>
                  </a:lnTo>
                  <a:lnTo>
                    <a:pt x="587" y="720"/>
                  </a:lnTo>
                  <a:lnTo>
                    <a:pt x="587" y="720"/>
                  </a:lnTo>
                  <a:lnTo>
                    <a:pt x="588" y="720"/>
                  </a:lnTo>
                  <a:lnTo>
                    <a:pt x="589" y="720"/>
                  </a:lnTo>
                  <a:lnTo>
                    <a:pt x="590" y="721"/>
                  </a:lnTo>
                  <a:lnTo>
                    <a:pt x="593" y="721"/>
                  </a:lnTo>
                  <a:lnTo>
                    <a:pt x="593" y="721"/>
                  </a:lnTo>
                  <a:lnTo>
                    <a:pt x="601" y="729"/>
                  </a:lnTo>
                  <a:lnTo>
                    <a:pt x="609" y="737"/>
                  </a:lnTo>
                  <a:lnTo>
                    <a:pt x="616" y="747"/>
                  </a:lnTo>
                  <a:lnTo>
                    <a:pt x="622" y="758"/>
                  </a:lnTo>
                  <a:lnTo>
                    <a:pt x="622" y="758"/>
                  </a:lnTo>
                  <a:lnTo>
                    <a:pt x="626" y="775"/>
                  </a:lnTo>
                  <a:lnTo>
                    <a:pt x="631" y="795"/>
                  </a:lnTo>
                  <a:lnTo>
                    <a:pt x="633" y="817"/>
                  </a:lnTo>
                  <a:lnTo>
                    <a:pt x="634" y="841"/>
                  </a:lnTo>
                  <a:lnTo>
                    <a:pt x="634" y="841"/>
                  </a:lnTo>
                  <a:lnTo>
                    <a:pt x="637" y="890"/>
                  </a:lnTo>
                  <a:lnTo>
                    <a:pt x="637" y="915"/>
                  </a:lnTo>
                  <a:lnTo>
                    <a:pt x="635" y="938"/>
                  </a:lnTo>
                  <a:lnTo>
                    <a:pt x="633" y="959"/>
                  </a:lnTo>
                  <a:lnTo>
                    <a:pt x="631" y="969"/>
                  </a:lnTo>
                  <a:lnTo>
                    <a:pt x="627" y="979"/>
                  </a:lnTo>
                  <a:lnTo>
                    <a:pt x="624" y="989"/>
                  </a:lnTo>
                  <a:lnTo>
                    <a:pt x="619" y="997"/>
                  </a:lnTo>
                  <a:lnTo>
                    <a:pt x="615" y="1005"/>
                  </a:lnTo>
                  <a:lnTo>
                    <a:pt x="608" y="1012"/>
                  </a:lnTo>
                  <a:lnTo>
                    <a:pt x="608" y="1012"/>
                  </a:lnTo>
                  <a:lnTo>
                    <a:pt x="601" y="1012"/>
                  </a:lnTo>
                  <a:lnTo>
                    <a:pt x="594" y="1014"/>
                  </a:lnTo>
                  <a:lnTo>
                    <a:pt x="589" y="1017"/>
                  </a:lnTo>
                  <a:lnTo>
                    <a:pt x="584" y="1021"/>
                  </a:lnTo>
                  <a:lnTo>
                    <a:pt x="575" y="1030"/>
                  </a:lnTo>
                  <a:lnTo>
                    <a:pt x="571" y="1035"/>
                  </a:lnTo>
                  <a:lnTo>
                    <a:pt x="566" y="1037"/>
                  </a:lnTo>
                  <a:lnTo>
                    <a:pt x="566" y="1037"/>
                  </a:lnTo>
                  <a:lnTo>
                    <a:pt x="558" y="1040"/>
                  </a:lnTo>
                  <a:lnTo>
                    <a:pt x="551" y="1042"/>
                  </a:lnTo>
                  <a:lnTo>
                    <a:pt x="544" y="1043"/>
                  </a:lnTo>
                  <a:lnTo>
                    <a:pt x="537" y="1044"/>
                  </a:lnTo>
                  <a:lnTo>
                    <a:pt x="537" y="1044"/>
                  </a:lnTo>
                  <a:lnTo>
                    <a:pt x="537" y="1046"/>
                  </a:lnTo>
                  <a:lnTo>
                    <a:pt x="537" y="1046"/>
                  </a:lnTo>
                  <a:lnTo>
                    <a:pt x="539" y="1045"/>
                  </a:lnTo>
                  <a:lnTo>
                    <a:pt x="540" y="1044"/>
                  </a:lnTo>
                  <a:lnTo>
                    <a:pt x="540" y="1044"/>
                  </a:lnTo>
                  <a:lnTo>
                    <a:pt x="541" y="1044"/>
                  </a:lnTo>
                  <a:lnTo>
                    <a:pt x="541" y="1045"/>
                  </a:lnTo>
                  <a:lnTo>
                    <a:pt x="539" y="1047"/>
                  </a:lnTo>
                  <a:lnTo>
                    <a:pt x="535" y="1050"/>
                  </a:lnTo>
                  <a:lnTo>
                    <a:pt x="534" y="1051"/>
                  </a:lnTo>
                  <a:lnTo>
                    <a:pt x="534" y="1052"/>
                  </a:lnTo>
                  <a:lnTo>
                    <a:pt x="534" y="1052"/>
                  </a:lnTo>
                  <a:lnTo>
                    <a:pt x="529" y="1057"/>
                  </a:lnTo>
                  <a:lnTo>
                    <a:pt x="528" y="1059"/>
                  </a:lnTo>
                  <a:lnTo>
                    <a:pt x="526" y="1061"/>
                  </a:lnTo>
                  <a:lnTo>
                    <a:pt x="526" y="1061"/>
                  </a:lnTo>
                  <a:lnTo>
                    <a:pt x="521" y="1062"/>
                  </a:lnTo>
                  <a:lnTo>
                    <a:pt x="517" y="1065"/>
                  </a:lnTo>
                  <a:lnTo>
                    <a:pt x="512" y="1066"/>
                  </a:lnTo>
                  <a:lnTo>
                    <a:pt x="507" y="1066"/>
                  </a:lnTo>
                  <a:lnTo>
                    <a:pt x="507" y="1066"/>
                  </a:lnTo>
                  <a:lnTo>
                    <a:pt x="495" y="1073"/>
                  </a:lnTo>
                  <a:lnTo>
                    <a:pt x="482" y="1080"/>
                  </a:lnTo>
                  <a:lnTo>
                    <a:pt x="476" y="1083"/>
                  </a:lnTo>
                  <a:lnTo>
                    <a:pt x="469" y="1087"/>
                  </a:lnTo>
                  <a:lnTo>
                    <a:pt x="461" y="1088"/>
                  </a:lnTo>
                  <a:lnTo>
                    <a:pt x="453" y="1089"/>
                  </a:lnTo>
                  <a:lnTo>
                    <a:pt x="453" y="1089"/>
                  </a:lnTo>
                  <a:lnTo>
                    <a:pt x="436" y="1097"/>
                  </a:lnTo>
                  <a:lnTo>
                    <a:pt x="421" y="1106"/>
                  </a:lnTo>
                  <a:lnTo>
                    <a:pt x="421" y="1106"/>
                  </a:lnTo>
                  <a:lnTo>
                    <a:pt x="413" y="1111"/>
                  </a:lnTo>
                  <a:lnTo>
                    <a:pt x="405" y="1114"/>
                  </a:lnTo>
                  <a:lnTo>
                    <a:pt x="386" y="1120"/>
                  </a:lnTo>
                  <a:lnTo>
                    <a:pt x="367" y="1125"/>
                  </a:lnTo>
                  <a:lnTo>
                    <a:pt x="345" y="1130"/>
                  </a:lnTo>
                  <a:lnTo>
                    <a:pt x="345" y="1130"/>
                  </a:lnTo>
                  <a:lnTo>
                    <a:pt x="332" y="1135"/>
                  </a:lnTo>
                  <a:lnTo>
                    <a:pt x="321" y="1141"/>
                  </a:lnTo>
                  <a:lnTo>
                    <a:pt x="309" y="1147"/>
                  </a:lnTo>
                  <a:lnTo>
                    <a:pt x="296" y="1151"/>
                  </a:lnTo>
                  <a:lnTo>
                    <a:pt x="296" y="1151"/>
                  </a:lnTo>
                  <a:lnTo>
                    <a:pt x="259" y="1164"/>
                  </a:lnTo>
                  <a:lnTo>
                    <a:pt x="221" y="1178"/>
                  </a:lnTo>
                  <a:lnTo>
                    <a:pt x="204" y="1185"/>
                  </a:lnTo>
                  <a:lnTo>
                    <a:pt x="186" y="1193"/>
                  </a:lnTo>
                  <a:lnTo>
                    <a:pt x="170" y="1201"/>
                  </a:lnTo>
                  <a:lnTo>
                    <a:pt x="155" y="1211"/>
                  </a:lnTo>
                  <a:lnTo>
                    <a:pt x="155" y="1211"/>
                  </a:lnTo>
                  <a:lnTo>
                    <a:pt x="151" y="1211"/>
                  </a:lnTo>
                  <a:lnTo>
                    <a:pt x="150" y="1212"/>
                  </a:lnTo>
                  <a:lnTo>
                    <a:pt x="148" y="1215"/>
                  </a:lnTo>
                  <a:lnTo>
                    <a:pt x="148" y="1217"/>
                  </a:lnTo>
                  <a:lnTo>
                    <a:pt x="148" y="1217"/>
                  </a:lnTo>
                  <a:lnTo>
                    <a:pt x="143" y="1219"/>
                  </a:lnTo>
                  <a:lnTo>
                    <a:pt x="140" y="1223"/>
                  </a:lnTo>
                  <a:lnTo>
                    <a:pt x="133" y="1230"/>
                  </a:lnTo>
                  <a:lnTo>
                    <a:pt x="127" y="1238"/>
                  </a:lnTo>
                  <a:lnTo>
                    <a:pt x="123" y="1241"/>
                  </a:lnTo>
                  <a:lnTo>
                    <a:pt x="119" y="1243"/>
                  </a:lnTo>
                  <a:lnTo>
                    <a:pt x="119" y="1243"/>
                  </a:lnTo>
                  <a:lnTo>
                    <a:pt x="114" y="1245"/>
                  </a:lnTo>
                  <a:lnTo>
                    <a:pt x="113" y="1247"/>
                  </a:lnTo>
                  <a:lnTo>
                    <a:pt x="112" y="1249"/>
                  </a:lnTo>
                  <a:lnTo>
                    <a:pt x="112" y="1249"/>
                  </a:lnTo>
                  <a:lnTo>
                    <a:pt x="103" y="1256"/>
                  </a:lnTo>
                  <a:lnTo>
                    <a:pt x="101" y="1256"/>
                  </a:lnTo>
                  <a:lnTo>
                    <a:pt x="101" y="1256"/>
                  </a:lnTo>
                  <a:lnTo>
                    <a:pt x="100" y="1260"/>
                  </a:lnTo>
                  <a:lnTo>
                    <a:pt x="99" y="1262"/>
                  </a:lnTo>
                  <a:lnTo>
                    <a:pt x="99" y="1262"/>
                  </a:lnTo>
                  <a:lnTo>
                    <a:pt x="96" y="1264"/>
                  </a:lnTo>
                  <a:lnTo>
                    <a:pt x="93" y="1267"/>
                  </a:lnTo>
                  <a:lnTo>
                    <a:pt x="88" y="1272"/>
                  </a:lnTo>
                  <a:lnTo>
                    <a:pt x="83" y="1279"/>
                  </a:lnTo>
                  <a:lnTo>
                    <a:pt x="77" y="1284"/>
                  </a:lnTo>
                  <a:lnTo>
                    <a:pt x="77" y="1284"/>
                  </a:lnTo>
                  <a:lnTo>
                    <a:pt x="74" y="1293"/>
                  </a:lnTo>
                  <a:lnTo>
                    <a:pt x="69" y="1301"/>
                  </a:lnTo>
                  <a:lnTo>
                    <a:pt x="59" y="1316"/>
                  </a:lnTo>
                  <a:lnTo>
                    <a:pt x="59" y="1316"/>
                  </a:lnTo>
                  <a:lnTo>
                    <a:pt x="51" y="1332"/>
                  </a:lnTo>
                  <a:lnTo>
                    <a:pt x="46" y="1340"/>
                  </a:lnTo>
                  <a:lnTo>
                    <a:pt x="42" y="1348"/>
                  </a:lnTo>
                  <a:lnTo>
                    <a:pt x="42" y="1348"/>
                  </a:lnTo>
                  <a:lnTo>
                    <a:pt x="20" y="1425"/>
                  </a:lnTo>
                  <a:lnTo>
                    <a:pt x="9" y="1464"/>
                  </a:lnTo>
                  <a:lnTo>
                    <a:pt x="0" y="1503"/>
                  </a:lnTo>
                  <a:lnTo>
                    <a:pt x="1641" y="1503"/>
                  </a:lnTo>
                  <a:lnTo>
                    <a:pt x="1641" y="1503"/>
                  </a:lnTo>
                  <a:lnTo>
                    <a:pt x="1641" y="1497"/>
                  </a:lnTo>
                  <a:lnTo>
                    <a:pt x="1640" y="1490"/>
                  </a:lnTo>
                  <a:lnTo>
                    <a:pt x="1638" y="1479"/>
                  </a:lnTo>
                  <a:lnTo>
                    <a:pt x="1635" y="1467"/>
                  </a:lnTo>
                  <a:lnTo>
                    <a:pt x="1634" y="1461"/>
                  </a:lnTo>
                  <a:lnTo>
                    <a:pt x="1634" y="1456"/>
                  </a:lnTo>
                  <a:lnTo>
                    <a:pt x="1634" y="1456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0" y="454"/>
                  </a:lnTo>
                  <a:lnTo>
                    <a:pt x="660" y="454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984" y="624"/>
                  </a:move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5" y="625"/>
                  </a:lnTo>
                  <a:lnTo>
                    <a:pt x="985" y="626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5" y="626"/>
                  </a:lnTo>
                  <a:lnTo>
                    <a:pt x="985" y="625"/>
                  </a:lnTo>
                  <a:lnTo>
                    <a:pt x="984" y="624"/>
                  </a:lnTo>
                  <a:lnTo>
                    <a:pt x="984" y="624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9" y="743"/>
                  </a:lnTo>
                  <a:lnTo>
                    <a:pt x="929" y="743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09" y="736"/>
                  </a:lnTo>
                  <a:lnTo>
                    <a:pt x="909" y="736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867" y="721"/>
                  </a:moveTo>
                  <a:lnTo>
                    <a:pt x="867" y="721"/>
                  </a:lnTo>
                  <a:lnTo>
                    <a:pt x="867" y="722"/>
                  </a:lnTo>
                  <a:lnTo>
                    <a:pt x="867" y="722"/>
                  </a:lnTo>
                  <a:lnTo>
                    <a:pt x="867" y="721"/>
                  </a:lnTo>
                  <a:lnTo>
                    <a:pt x="867" y="721"/>
                  </a:lnTo>
                  <a:close/>
                  <a:moveTo>
                    <a:pt x="867" y="722"/>
                  </a:moveTo>
                  <a:lnTo>
                    <a:pt x="867" y="722"/>
                  </a:lnTo>
                  <a:lnTo>
                    <a:pt x="867" y="723"/>
                  </a:lnTo>
                  <a:lnTo>
                    <a:pt x="867" y="723"/>
                  </a:lnTo>
                  <a:lnTo>
                    <a:pt x="867" y="722"/>
                  </a:lnTo>
                  <a:lnTo>
                    <a:pt x="867" y="722"/>
                  </a:lnTo>
                  <a:close/>
                  <a:moveTo>
                    <a:pt x="886" y="719"/>
                  </a:move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close/>
                  <a:moveTo>
                    <a:pt x="885" y="720"/>
                  </a:move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8" y="721"/>
                  </a:lnTo>
                  <a:lnTo>
                    <a:pt x="882" y="721"/>
                  </a:lnTo>
                  <a:lnTo>
                    <a:pt x="882" y="721"/>
                  </a:lnTo>
                  <a:lnTo>
                    <a:pt x="878" y="721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82" y="721"/>
                  </a:moveTo>
                  <a:lnTo>
                    <a:pt x="882" y="721"/>
                  </a:lnTo>
                  <a:lnTo>
                    <a:pt x="883" y="720"/>
                  </a:lnTo>
                  <a:lnTo>
                    <a:pt x="883" y="720"/>
                  </a:lnTo>
                  <a:lnTo>
                    <a:pt x="882" y="721"/>
                  </a:lnTo>
                  <a:lnTo>
                    <a:pt x="882" y="72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8" y="659"/>
                  </a:lnTo>
                  <a:lnTo>
                    <a:pt x="786" y="660"/>
                  </a:lnTo>
                  <a:lnTo>
                    <a:pt x="786" y="660"/>
                  </a:lnTo>
                  <a:lnTo>
                    <a:pt x="788" y="659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8" y="663"/>
                  </a:moveTo>
                  <a:lnTo>
                    <a:pt x="788" y="663"/>
                  </a:lnTo>
                  <a:lnTo>
                    <a:pt x="789" y="663"/>
                  </a:lnTo>
                  <a:lnTo>
                    <a:pt x="789" y="663"/>
                  </a:lnTo>
                  <a:lnTo>
                    <a:pt x="788" y="663"/>
                  </a:lnTo>
                  <a:lnTo>
                    <a:pt x="788" y="663"/>
                  </a:lnTo>
                  <a:close/>
                  <a:moveTo>
                    <a:pt x="788" y="662"/>
                  </a:move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close/>
                  <a:moveTo>
                    <a:pt x="786" y="661"/>
                  </a:move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3"/>
                  </a:move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90" y="661"/>
                  </a:lnTo>
                  <a:lnTo>
                    <a:pt x="790" y="661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90" y="661"/>
                  </a:moveTo>
                  <a:lnTo>
                    <a:pt x="790" y="661"/>
                  </a:lnTo>
                  <a:lnTo>
                    <a:pt x="790" y="662"/>
                  </a:lnTo>
                  <a:lnTo>
                    <a:pt x="790" y="662"/>
                  </a:lnTo>
                  <a:lnTo>
                    <a:pt x="790" y="661"/>
                  </a:lnTo>
                  <a:lnTo>
                    <a:pt x="790" y="66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9" y="655"/>
                  </a:lnTo>
                  <a:lnTo>
                    <a:pt x="789" y="655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5" y="654"/>
                  </a:move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9" y="655"/>
                  </a:moveTo>
                  <a:lnTo>
                    <a:pt x="789" y="655"/>
                  </a:lnTo>
                  <a:lnTo>
                    <a:pt x="789" y="654"/>
                  </a:lnTo>
                  <a:lnTo>
                    <a:pt x="789" y="654"/>
                  </a:lnTo>
                  <a:lnTo>
                    <a:pt x="789" y="655"/>
                  </a:lnTo>
                  <a:lnTo>
                    <a:pt x="789" y="655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806" y="622"/>
                  </a:moveTo>
                  <a:lnTo>
                    <a:pt x="806" y="622"/>
                  </a:lnTo>
                  <a:lnTo>
                    <a:pt x="808" y="622"/>
                  </a:lnTo>
                  <a:lnTo>
                    <a:pt x="808" y="622"/>
                  </a:lnTo>
                  <a:lnTo>
                    <a:pt x="806" y="622"/>
                  </a:lnTo>
                  <a:lnTo>
                    <a:pt x="806" y="622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6" y="622"/>
                  </a:lnTo>
                  <a:lnTo>
                    <a:pt x="806" y="622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792" y="622"/>
                  </a:moveTo>
                  <a:lnTo>
                    <a:pt x="792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2" y="622"/>
                  </a:lnTo>
                  <a:lnTo>
                    <a:pt x="792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2" y="622"/>
                  </a:lnTo>
                  <a:lnTo>
                    <a:pt x="792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1015" y="558"/>
                  </a:move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close/>
                  <a:moveTo>
                    <a:pt x="1014" y="558"/>
                  </a:moveTo>
                  <a:lnTo>
                    <a:pt x="1014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4" y="558"/>
                  </a:lnTo>
                  <a:lnTo>
                    <a:pt x="1014" y="558"/>
                  </a:lnTo>
                  <a:close/>
                  <a:moveTo>
                    <a:pt x="1013" y="563"/>
                  </a:moveTo>
                  <a:lnTo>
                    <a:pt x="1013" y="563"/>
                  </a:lnTo>
                  <a:lnTo>
                    <a:pt x="1013" y="563"/>
                  </a:lnTo>
                  <a:lnTo>
                    <a:pt x="1015" y="563"/>
                  </a:lnTo>
                  <a:lnTo>
                    <a:pt x="1016" y="564"/>
                  </a:lnTo>
                  <a:lnTo>
                    <a:pt x="1016" y="564"/>
                  </a:lnTo>
                  <a:lnTo>
                    <a:pt x="1015" y="563"/>
                  </a:lnTo>
                  <a:lnTo>
                    <a:pt x="1013" y="563"/>
                  </a:lnTo>
                  <a:lnTo>
                    <a:pt x="1013" y="563"/>
                  </a:lnTo>
                  <a:close/>
                  <a:moveTo>
                    <a:pt x="885" y="715"/>
                  </a:moveTo>
                  <a:lnTo>
                    <a:pt x="885" y="715"/>
                  </a:lnTo>
                  <a:lnTo>
                    <a:pt x="888" y="715"/>
                  </a:lnTo>
                  <a:lnTo>
                    <a:pt x="888" y="715"/>
                  </a:lnTo>
                  <a:lnTo>
                    <a:pt x="885" y="715"/>
                  </a:lnTo>
                  <a:lnTo>
                    <a:pt x="885" y="715"/>
                  </a:lnTo>
                  <a:close/>
                  <a:moveTo>
                    <a:pt x="880" y="716"/>
                  </a:moveTo>
                  <a:lnTo>
                    <a:pt x="880" y="716"/>
                  </a:lnTo>
                  <a:lnTo>
                    <a:pt x="883" y="715"/>
                  </a:lnTo>
                  <a:lnTo>
                    <a:pt x="883" y="715"/>
                  </a:lnTo>
                  <a:lnTo>
                    <a:pt x="880" y="716"/>
                  </a:lnTo>
                  <a:lnTo>
                    <a:pt x="880" y="716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71" y="719"/>
                  </a:moveTo>
                  <a:lnTo>
                    <a:pt x="871" y="719"/>
                  </a:lnTo>
                  <a:lnTo>
                    <a:pt x="870" y="720"/>
                  </a:lnTo>
                  <a:lnTo>
                    <a:pt x="867" y="721"/>
                  </a:lnTo>
                  <a:lnTo>
                    <a:pt x="867" y="721"/>
                  </a:lnTo>
                  <a:lnTo>
                    <a:pt x="870" y="720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close/>
                  <a:moveTo>
                    <a:pt x="867" y="719"/>
                  </a:moveTo>
                  <a:lnTo>
                    <a:pt x="867" y="719"/>
                  </a:lnTo>
                  <a:lnTo>
                    <a:pt x="868" y="719"/>
                  </a:lnTo>
                  <a:lnTo>
                    <a:pt x="868" y="719"/>
                  </a:lnTo>
                  <a:lnTo>
                    <a:pt x="867" y="719"/>
                  </a:lnTo>
                  <a:lnTo>
                    <a:pt x="867" y="719"/>
                  </a:lnTo>
                  <a:close/>
                  <a:moveTo>
                    <a:pt x="860" y="717"/>
                  </a:move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close/>
                  <a:moveTo>
                    <a:pt x="864" y="719"/>
                  </a:moveTo>
                  <a:lnTo>
                    <a:pt x="864" y="719"/>
                  </a:lnTo>
                  <a:lnTo>
                    <a:pt x="865" y="719"/>
                  </a:lnTo>
                  <a:lnTo>
                    <a:pt x="865" y="719"/>
                  </a:lnTo>
                  <a:lnTo>
                    <a:pt x="864" y="719"/>
                  </a:lnTo>
                  <a:lnTo>
                    <a:pt x="864" y="719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3" y="621"/>
                  </a:lnTo>
                  <a:lnTo>
                    <a:pt x="803" y="621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803" y="621"/>
                  </a:moveTo>
                  <a:lnTo>
                    <a:pt x="803" y="621"/>
                  </a:lnTo>
                  <a:lnTo>
                    <a:pt x="801" y="622"/>
                  </a:lnTo>
                  <a:lnTo>
                    <a:pt x="801" y="622"/>
                  </a:lnTo>
                  <a:lnTo>
                    <a:pt x="803" y="621"/>
                  </a:lnTo>
                  <a:lnTo>
                    <a:pt x="803" y="621"/>
                  </a:lnTo>
                  <a:close/>
                  <a:moveTo>
                    <a:pt x="796" y="622"/>
                  </a:move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902" y="735"/>
                  </a:moveTo>
                  <a:lnTo>
                    <a:pt x="902" y="735"/>
                  </a:lnTo>
                  <a:lnTo>
                    <a:pt x="909" y="738"/>
                  </a:lnTo>
                  <a:lnTo>
                    <a:pt x="911" y="738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1" y="738"/>
                  </a:lnTo>
                  <a:lnTo>
                    <a:pt x="909" y="738"/>
                  </a:lnTo>
                  <a:lnTo>
                    <a:pt x="902" y="735"/>
                  </a:lnTo>
                  <a:lnTo>
                    <a:pt x="902" y="735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4" y="736"/>
                  </a:lnTo>
                  <a:lnTo>
                    <a:pt x="916" y="738"/>
                  </a:lnTo>
                  <a:lnTo>
                    <a:pt x="917" y="738"/>
                  </a:lnTo>
                  <a:lnTo>
                    <a:pt x="919" y="739"/>
                  </a:lnTo>
                  <a:lnTo>
                    <a:pt x="923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3" y="739"/>
                  </a:lnTo>
                  <a:lnTo>
                    <a:pt x="919" y="739"/>
                  </a:lnTo>
                  <a:lnTo>
                    <a:pt x="917" y="738"/>
                  </a:lnTo>
                  <a:lnTo>
                    <a:pt x="916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29" y="738"/>
                  </a:lnTo>
                  <a:lnTo>
                    <a:pt x="929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27" y="741"/>
                  </a:moveTo>
                  <a:lnTo>
                    <a:pt x="927" y="741"/>
                  </a:lnTo>
                  <a:lnTo>
                    <a:pt x="927" y="739"/>
                  </a:lnTo>
                  <a:lnTo>
                    <a:pt x="927" y="739"/>
                  </a:lnTo>
                  <a:lnTo>
                    <a:pt x="927" y="741"/>
                  </a:lnTo>
                  <a:lnTo>
                    <a:pt x="927" y="741"/>
                  </a:lnTo>
                  <a:close/>
                  <a:moveTo>
                    <a:pt x="927" y="739"/>
                  </a:moveTo>
                  <a:lnTo>
                    <a:pt x="927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7" y="739"/>
                  </a:lnTo>
                  <a:lnTo>
                    <a:pt x="927" y="739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8" y="741"/>
                  </a:lnTo>
                  <a:lnTo>
                    <a:pt x="928" y="741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33" y="738"/>
                  </a:moveTo>
                  <a:lnTo>
                    <a:pt x="933" y="738"/>
                  </a:lnTo>
                  <a:lnTo>
                    <a:pt x="938" y="738"/>
                  </a:lnTo>
                  <a:lnTo>
                    <a:pt x="938" y="738"/>
                  </a:lnTo>
                  <a:lnTo>
                    <a:pt x="933" y="738"/>
                  </a:lnTo>
                  <a:lnTo>
                    <a:pt x="933" y="738"/>
                  </a:lnTo>
                  <a:close/>
                  <a:moveTo>
                    <a:pt x="929" y="738"/>
                  </a:moveTo>
                  <a:lnTo>
                    <a:pt x="929" y="738"/>
                  </a:lnTo>
                  <a:lnTo>
                    <a:pt x="933" y="738"/>
                  </a:lnTo>
                  <a:lnTo>
                    <a:pt x="933" y="738"/>
                  </a:lnTo>
                  <a:lnTo>
                    <a:pt x="929" y="738"/>
                  </a:lnTo>
                  <a:lnTo>
                    <a:pt x="929" y="738"/>
                  </a:lnTo>
                  <a:close/>
                  <a:moveTo>
                    <a:pt x="944" y="737"/>
                  </a:moveTo>
                  <a:lnTo>
                    <a:pt x="944" y="737"/>
                  </a:lnTo>
                  <a:lnTo>
                    <a:pt x="943" y="737"/>
                  </a:lnTo>
                  <a:lnTo>
                    <a:pt x="943" y="737"/>
                  </a:lnTo>
                  <a:lnTo>
                    <a:pt x="944" y="737"/>
                  </a:lnTo>
                  <a:lnTo>
                    <a:pt x="944" y="737"/>
                  </a:lnTo>
                  <a:close/>
                  <a:moveTo>
                    <a:pt x="942" y="737"/>
                  </a:moveTo>
                  <a:lnTo>
                    <a:pt x="942" y="737"/>
                  </a:lnTo>
                  <a:lnTo>
                    <a:pt x="941" y="738"/>
                  </a:lnTo>
                  <a:lnTo>
                    <a:pt x="941" y="738"/>
                  </a:lnTo>
                  <a:lnTo>
                    <a:pt x="942" y="737"/>
                  </a:lnTo>
                  <a:lnTo>
                    <a:pt x="942" y="737"/>
                  </a:lnTo>
                  <a:close/>
                  <a:moveTo>
                    <a:pt x="940" y="738"/>
                  </a:moveTo>
                  <a:lnTo>
                    <a:pt x="940" y="738"/>
                  </a:lnTo>
                  <a:lnTo>
                    <a:pt x="939" y="738"/>
                  </a:lnTo>
                  <a:lnTo>
                    <a:pt x="939" y="738"/>
                  </a:lnTo>
                  <a:lnTo>
                    <a:pt x="940" y="738"/>
                  </a:lnTo>
                  <a:lnTo>
                    <a:pt x="940" y="738"/>
                  </a:lnTo>
                  <a:close/>
                  <a:moveTo>
                    <a:pt x="950" y="734"/>
                  </a:moveTo>
                  <a:lnTo>
                    <a:pt x="950" y="734"/>
                  </a:lnTo>
                  <a:lnTo>
                    <a:pt x="948" y="735"/>
                  </a:lnTo>
                  <a:lnTo>
                    <a:pt x="948" y="735"/>
                  </a:lnTo>
                  <a:lnTo>
                    <a:pt x="950" y="734"/>
                  </a:lnTo>
                  <a:lnTo>
                    <a:pt x="950" y="734"/>
                  </a:lnTo>
                  <a:close/>
                  <a:moveTo>
                    <a:pt x="947" y="736"/>
                  </a:moveTo>
                  <a:lnTo>
                    <a:pt x="947" y="736"/>
                  </a:lnTo>
                  <a:lnTo>
                    <a:pt x="946" y="736"/>
                  </a:lnTo>
                  <a:lnTo>
                    <a:pt x="946" y="736"/>
                  </a:lnTo>
                  <a:lnTo>
                    <a:pt x="947" y="736"/>
                  </a:lnTo>
                  <a:lnTo>
                    <a:pt x="947" y="736"/>
                  </a:lnTo>
                  <a:close/>
                  <a:moveTo>
                    <a:pt x="984" y="622"/>
                  </a:move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close/>
                  <a:moveTo>
                    <a:pt x="984" y="632"/>
                  </a:moveTo>
                  <a:lnTo>
                    <a:pt x="984" y="632"/>
                  </a:lnTo>
                  <a:lnTo>
                    <a:pt x="985" y="632"/>
                  </a:lnTo>
                  <a:lnTo>
                    <a:pt x="985" y="632"/>
                  </a:lnTo>
                  <a:lnTo>
                    <a:pt x="984" y="632"/>
                  </a:lnTo>
                  <a:lnTo>
                    <a:pt x="984" y="632"/>
                  </a:lnTo>
                  <a:close/>
                  <a:moveTo>
                    <a:pt x="979" y="627"/>
                  </a:moveTo>
                  <a:lnTo>
                    <a:pt x="979" y="627"/>
                  </a:lnTo>
                  <a:lnTo>
                    <a:pt x="977" y="627"/>
                  </a:lnTo>
                  <a:lnTo>
                    <a:pt x="977" y="627"/>
                  </a:lnTo>
                  <a:lnTo>
                    <a:pt x="979" y="627"/>
                  </a:lnTo>
                  <a:lnTo>
                    <a:pt x="979" y="627"/>
                  </a:lnTo>
                  <a:close/>
                  <a:moveTo>
                    <a:pt x="981" y="626"/>
                  </a:moveTo>
                  <a:lnTo>
                    <a:pt x="981" y="626"/>
                  </a:lnTo>
                  <a:lnTo>
                    <a:pt x="979" y="627"/>
                  </a:lnTo>
                  <a:lnTo>
                    <a:pt x="979" y="627"/>
                  </a:lnTo>
                  <a:lnTo>
                    <a:pt x="981" y="626"/>
                  </a:lnTo>
                  <a:lnTo>
                    <a:pt x="981" y="626"/>
                  </a:lnTo>
                  <a:close/>
                  <a:moveTo>
                    <a:pt x="983" y="626"/>
                  </a:moveTo>
                  <a:lnTo>
                    <a:pt x="983" y="626"/>
                  </a:lnTo>
                  <a:lnTo>
                    <a:pt x="981" y="626"/>
                  </a:lnTo>
                  <a:lnTo>
                    <a:pt x="981" y="626"/>
                  </a:lnTo>
                  <a:lnTo>
                    <a:pt x="983" y="626"/>
                  </a:lnTo>
                  <a:lnTo>
                    <a:pt x="983" y="626"/>
                  </a:lnTo>
                  <a:close/>
                  <a:moveTo>
                    <a:pt x="984" y="625"/>
                  </a:moveTo>
                  <a:lnTo>
                    <a:pt x="984" y="625"/>
                  </a:lnTo>
                  <a:lnTo>
                    <a:pt x="983" y="625"/>
                  </a:lnTo>
                  <a:lnTo>
                    <a:pt x="983" y="625"/>
                  </a:lnTo>
                  <a:lnTo>
                    <a:pt x="984" y="625"/>
                  </a:lnTo>
                  <a:lnTo>
                    <a:pt x="984" y="625"/>
                  </a:lnTo>
                  <a:close/>
                  <a:moveTo>
                    <a:pt x="983" y="630"/>
                  </a:move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close/>
                  <a:moveTo>
                    <a:pt x="984" y="631"/>
                  </a:moveTo>
                  <a:lnTo>
                    <a:pt x="984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4" y="631"/>
                  </a:lnTo>
                  <a:lnTo>
                    <a:pt x="984" y="631"/>
                  </a:lnTo>
                  <a:close/>
                  <a:moveTo>
                    <a:pt x="983" y="631"/>
                  </a:move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close/>
                  <a:moveTo>
                    <a:pt x="668" y="453"/>
                  </a:move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close/>
                  <a:moveTo>
                    <a:pt x="667" y="453"/>
                  </a:move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close/>
                  <a:moveTo>
                    <a:pt x="665" y="454"/>
                  </a:move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1" y="454"/>
                  </a:lnTo>
                  <a:lnTo>
                    <a:pt x="661" y="453"/>
                  </a:lnTo>
                  <a:lnTo>
                    <a:pt x="662" y="451"/>
                  </a:lnTo>
                  <a:lnTo>
                    <a:pt x="662" y="451"/>
                  </a:lnTo>
                  <a:lnTo>
                    <a:pt x="661" y="453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660" y="456"/>
                  </a:moveTo>
                  <a:lnTo>
                    <a:pt x="660" y="456"/>
                  </a:lnTo>
                  <a:lnTo>
                    <a:pt x="658" y="456"/>
                  </a:lnTo>
                  <a:lnTo>
                    <a:pt x="658" y="456"/>
                  </a:lnTo>
                  <a:lnTo>
                    <a:pt x="660" y="456"/>
                  </a:lnTo>
                  <a:lnTo>
                    <a:pt x="660" y="456"/>
                  </a:lnTo>
                  <a:close/>
                  <a:moveTo>
                    <a:pt x="768" y="415"/>
                  </a:moveTo>
                  <a:lnTo>
                    <a:pt x="768" y="415"/>
                  </a:lnTo>
                  <a:lnTo>
                    <a:pt x="767" y="415"/>
                  </a:lnTo>
                  <a:lnTo>
                    <a:pt x="767" y="415"/>
                  </a:lnTo>
                  <a:lnTo>
                    <a:pt x="768" y="415"/>
                  </a:lnTo>
                  <a:lnTo>
                    <a:pt x="768" y="415"/>
                  </a:lnTo>
                  <a:close/>
                  <a:moveTo>
                    <a:pt x="765" y="419"/>
                  </a:moveTo>
                  <a:lnTo>
                    <a:pt x="765" y="419"/>
                  </a:lnTo>
                  <a:lnTo>
                    <a:pt x="766" y="419"/>
                  </a:lnTo>
                  <a:lnTo>
                    <a:pt x="766" y="419"/>
                  </a:lnTo>
                  <a:lnTo>
                    <a:pt x="765" y="419"/>
                  </a:lnTo>
                  <a:lnTo>
                    <a:pt x="765" y="419"/>
                  </a:lnTo>
                  <a:close/>
                  <a:moveTo>
                    <a:pt x="767" y="421"/>
                  </a:moveTo>
                  <a:lnTo>
                    <a:pt x="767" y="421"/>
                  </a:lnTo>
                  <a:lnTo>
                    <a:pt x="768" y="422"/>
                  </a:lnTo>
                  <a:lnTo>
                    <a:pt x="768" y="422"/>
                  </a:lnTo>
                  <a:lnTo>
                    <a:pt x="767" y="421"/>
                  </a:lnTo>
                  <a:lnTo>
                    <a:pt x="767" y="421"/>
                  </a:lnTo>
                  <a:close/>
                  <a:moveTo>
                    <a:pt x="762" y="416"/>
                  </a:move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close/>
                  <a:moveTo>
                    <a:pt x="759" y="414"/>
                  </a:move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close/>
                  <a:moveTo>
                    <a:pt x="744" y="409"/>
                  </a:move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close/>
                  <a:moveTo>
                    <a:pt x="752" y="411"/>
                  </a:move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close/>
                  <a:moveTo>
                    <a:pt x="755" y="412"/>
                  </a:moveTo>
                  <a:lnTo>
                    <a:pt x="755" y="412"/>
                  </a:lnTo>
                  <a:lnTo>
                    <a:pt x="755" y="413"/>
                  </a:lnTo>
                  <a:lnTo>
                    <a:pt x="755" y="413"/>
                  </a:lnTo>
                  <a:lnTo>
                    <a:pt x="755" y="412"/>
                  </a:lnTo>
                  <a:lnTo>
                    <a:pt x="755" y="412"/>
                  </a:lnTo>
                  <a:close/>
                  <a:moveTo>
                    <a:pt x="743" y="408"/>
                  </a:move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2" y="407"/>
                  </a:lnTo>
                  <a:lnTo>
                    <a:pt x="742" y="407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close/>
                  <a:moveTo>
                    <a:pt x="742" y="406"/>
                  </a:moveTo>
                  <a:lnTo>
                    <a:pt x="742" y="406"/>
                  </a:lnTo>
                  <a:lnTo>
                    <a:pt x="742" y="405"/>
                  </a:lnTo>
                  <a:lnTo>
                    <a:pt x="742" y="405"/>
                  </a:lnTo>
                  <a:lnTo>
                    <a:pt x="742" y="406"/>
                  </a:lnTo>
                  <a:lnTo>
                    <a:pt x="742" y="406"/>
                  </a:lnTo>
                  <a:close/>
                  <a:moveTo>
                    <a:pt x="733" y="407"/>
                  </a:moveTo>
                  <a:lnTo>
                    <a:pt x="733" y="407"/>
                  </a:lnTo>
                  <a:lnTo>
                    <a:pt x="725" y="406"/>
                  </a:lnTo>
                  <a:lnTo>
                    <a:pt x="725" y="406"/>
                  </a:lnTo>
                  <a:lnTo>
                    <a:pt x="733" y="407"/>
                  </a:lnTo>
                  <a:lnTo>
                    <a:pt x="733" y="407"/>
                  </a:lnTo>
                  <a:close/>
                  <a:moveTo>
                    <a:pt x="766" y="414"/>
                  </a:moveTo>
                  <a:lnTo>
                    <a:pt x="766" y="414"/>
                  </a:lnTo>
                  <a:lnTo>
                    <a:pt x="755" y="409"/>
                  </a:lnTo>
                  <a:lnTo>
                    <a:pt x="748" y="407"/>
                  </a:lnTo>
                  <a:lnTo>
                    <a:pt x="746" y="408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6" y="408"/>
                  </a:lnTo>
                  <a:lnTo>
                    <a:pt x="748" y="407"/>
                  </a:lnTo>
                  <a:lnTo>
                    <a:pt x="755" y="409"/>
                  </a:lnTo>
                  <a:lnTo>
                    <a:pt x="766" y="414"/>
                  </a:lnTo>
                  <a:lnTo>
                    <a:pt x="766" y="414"/>
                  </a:lnTo>
                  <a:close/>
                  <a:moveTo>
                    <a:pt x="767" y="415"/>
                  </a:moveTo>
                  <a:lnTo>
                    <a:pt x="767" y="415"/>
                  </a:lnTo>
                  <a:lnTo>
                    <a:pt x="766" y="414"/>
                  </a:lnTo>
                  <a:lnTo>
                    <a:pt x="766" y="414"/>
                  </a:lnTo>
                  <a:lnTo>
                    <a:pt x="767" y="415"/>
                  </a:lnTo>
                  <a:lnTo>
                    <a:pt x="767" y="41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6"/>
                  </a:lnTo>
                  <a:lnTo>
                    <a:pt x="1114" y="546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1" y="543"/>
                  </a:moveTo>
                  <a:lnTo>
                    <a:pt x="1111" y="543"/>
                  </a:lnTo>
                  <a:lnTo>
                    <a:pt x="1111" y="544"/>
                  </a:lnTo>
                  <a:lnTo>
                    <a:pt x="1111" y="544"/>
                  </a:lnTo>
                  <a:lnTo>
                    <a:pt x="1111" y="543"/>
                  </a:lnTo>
                  <a:lnTo>
                    <a:pt x="1111" y="543"/>
                  </a:lnTo>
                  <a:close/>
                  <a:moveTo>
                    <a:pt x="1112" y="540"/>
                  </a:moveTo>
                  <a:lnTo>
                    <a:pt x="1112" y="540"/>
                  </a:lnTo>
                  <a:lnTo>
                    <a:pt x="1112" y="542"/>
                  </a:lnTo>
                  <a:lnTo>
                    <a:pt x="1112" y="542"/>
                  </a:lnTo>
                  <a:lnTo>
                    <a:pt x="1112" y="540"/>
                  </a:lnTo>
                  <a:lnTo>
                    <a:pt x="1112" y="540"/>
                  </a:lnTo>
                  <a:close/>
                  <a:moveTo>
                    <a:pt x="1108" y="555"/>
                  </a:move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4"/>
                  </a:lnTo>
                  <a:lnTo>
                    <a:pt x="1108" y="554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close/>
                  <a:moveTo>
                    <a:pt x="1112" y="539"/>
                  </a:moveTo>
                  <a:lnTo>
                    <a:pt x="1112" y="539"/>
                  </a:lnTo>
                  <a:lnTo>
                    <a:pt x="1114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4" y="535"/>
                  </a:lnTo>
                  <a:lnTo>
                    <a:pt x="1112" y="539"/>
                  </a:lnTo>
                  <a:lnTo>
                    <a:pt x="1112" y="539"/>
                  </a:lnTo>
                  <a:close/>
                  <a:moveTo>
                    <a:pt x="1114" y="546"/>
                  </a:moveTo>
                  <a:lnTo>
                    <a:pt x="1114" y="546"/>
                  </a:lnTo>
                  <a:lnTo>
                    <a:pt x="1115" y="549"/>
                  </a:lnTo>
                  <a:lnTo>
                    <a:pt x="1115" y="549"/>
                  </a:lnTo>
                  <a:lnTo>
                    <a:pt x="1114" y="546"/>
                  </a:lnTo>
                  <a:lnTo>
                    <a:pt x="1114" y="546"/>
                  </a:lnTo>
                  <a:close/>
                  <a:moveTo>
                    <a:pt x="1115" y="535"/>
                  </a:moveTo>
                  <a:lnTo>
                    <a:pt x="1115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5"/>
                  </a:lnTo>
                  <a:lnTo>
                    <a:pt x="1115" y="53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0"/>
                  </a:lnTo>
                  <a:lnTo>
                    <a:pt x="1114" y="540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4" y="539"/>
                  </a:moveTo>
                  <a:lnTo>
                    <a:pt x="1114" y="539"/>
                  </a:lnTo>
                  <a:lnTo>
                    <a:pt x="1114" y="536"/>
                  </a:lnTo>
                  <a:lnTo>
                    <a:pt x="1114" y="536"/>
                  </a:lnTo>
                  <a:lnTo>
                    <a:pt x="1114" y="539"/>
                  </a:lnTo>
                  <a:lnTo>
                    <a:pt x="1114" y="539"/>
                  </a:lnTo>
                  <a:close/>
                  <a:moveTo>
                    <a:pt x="1115" y="533"/>
                  </a:move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close/>
                  <a:moveTo>
                    <a:pt x="1117" y="516"/>
                  </a:moveTo>
                  <a:lnTo>
                    <a:pt x="1117" y="516"/>
                  </a:lnTo>
                  <a:lnTo>
                    <a:pt x="1116" y="519"/>
                  </a:lnTo>
                  <a:lnTo>
                    <a:pt x="1116" y="524"/>
                  </a:lnTo>
                  <a:lnTo>
                    <a:pt x="1115" y="527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5" y="527"/>
                  </a:lnTo>
                  <a:lnTo>
                    <a:pt x="1116" y="524"/>
                  </a:lnTo>
                  <a:lnTo>
                    <a:pt x="1116" y="519"/>
                  </a:lnTo>
                  <a:lnTo>
                    <a:pt x="1117" y="516"/>
                  </a:lnTo>
                  <a:lnTo>
                    <a:pt x="1117" y="516"/>
                  </a:lnTo>
                  <a:close/>
                  <a:moveTo>
                    <a:pt x="1116" y="513"/>
                  </a:moveTo>
                  <a:lnTo>
                    <a:pt x="1116" y="513"/>
                  </a:lnTo>
                  <a:lnTo>
                    <a:pt x="1116" y="516"/>
                  </a:lnTo>
                  <a:lnTo>
                    <a:pt x="1116" y="516"/>
                  </a:lnTo>
                  <a:lnTo>
                    <a:pt x="1116" y="513"/>
                  </a:lnTo>
                  <a:lnTo>
                    <a:pt x="1116" y="513"/>
                  </a:lnTo>
                  <a:close/>
                  <a:moveTo>
                    <a:pt x="1116" y="532"/>
                  </a:move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close/>
                  <a:moveTo>
                    <a:pt x="1117" y="528"/>
                  </a:move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close/>
                  <a:moveTo>
                    <a:pt x="1128" y="268"/>
                  </a:moveTo>
                  <a:lnTo>
                    <a:pt x="1128" y="268"/>
                  </a:lnTo>
                  <a:lnTo>
                    <a:pt x="1130" y="268"/>
                  </a:lnTo>
                  <a:lnTo>
                    <a:pt x="1130" y="268"/>
                  </a:lnTo>
                  <a:lnTo>
                    <a:pt x="1128" y="268"/>
                  </a:lnTo>
                  <a:lnTo>
                    <a:pt x="1128" y="268"/>
                  </a:lnTo>
                  <a:close/>
                  <a:moveTo>
                    <a:pt x="1143" y="261"/>
                  </a:moveTo>
                  <a:lnTo>
                    <a:pt x="1143" y="261"/>
                  </a:lnTo>
                  <a:lnTo>
                    <a:pt x="1146" y="260"/>
                  </a:lnTo>
                  <a:lnTo>
                    <a:pt x="1146" y="260"/>
                  </a:lnTo>
                  <a:lnTo>
                    <a:pt x="1143" y="261"/>
                  </a:lnTo>
                  <a:lnTo>
                    <a:pt x="1143" y="261"/>
                  </a:lnTo>
                  <a:close/>
                  <a:moveTo>
                    <a:pt x="1141" y="262"/>
                  </a:moveTo>
                  <a:lnTo>
                    <a:pt x="1141" y="262"/>
                  </a:lnTo>
                  <a:lnTo>
                    <a:pt x="1143" y="261"/>
                  </a:lnTo>
                  <a:lnTo>
                    <a:pt x="1143" y="261"/>
                  </a:lnTo>
                  <a:lnTo>
                    <a:pt x="1141" y="262"/>
                  </a:lnTo>
                  <a:lnTo>
                    <a:pt x="1141" y="262"/>
                  </a:lnTo>
                  <a:close/>
                  <a:moveTo>
                    <a:pt x="1134" y="265"/>
                  </a:moveTo>
                  <a:lnTo>
                    <a:pt x="1134" y="265"/>
                  </a:lnTo>
                  <a:lnTo>
                    <a:pt x="1141" y="262"/>
                  </a:lnTo>
                  <a:lnTo>
                    <a:pt x="1141" y="262"/>
                  </a:lnTo>
                  <a:lnTo>
                    <a:pt x="1134" y="265"/>
                  </a:lnTo>
                  <a:lnTo>
                    <a:pt x="1134" y="265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5" y="262"/>
                  </a:lnTo>
                  <a:lnTo>
                    <a:pt x="1135" y="262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1" y="268"/>
                  </a:lnTo>
                  <a:lnTo>
                    <a:pt x="1131" y="268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29" y="266"/>
                  </a:moveTo>
                  <a:lnTo>
                    <a:pt x="1129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29" y="266"/>
                  </a:lnTo>
                  <a:lnTo>
                    <a:pt x="1129" y="266"/>
                  </a:lnTo>
                  <a:close/>
                  <a:moveTo>
                    <a:pt x="1137" y="258"/>
                  </a:moveTo>
                  <a:lnTo>
                    <a:pt x="1137" y="258"/>
                  </a:lnTo>
                  <a:lnTo>
                    <a:pt x="1138" y="256"/>
                  </a:lnTo>
                  <a:lnTo>
                    <a:pt x="1138" y="256"/>
                  </a:lnTo>
                  <a:lnTo>
                    <a:pt x="1137" y="258"/>
                  </a:lnTo>
                  <a:lnTo>
                    <a:pt x="1137" y="258"/>
                  </a:lnTo>
                  <a:close/>
                  <a:moveTo>
                    <a:pt x="1141" y="254"/>
                  </a:moveTo>
                  <a:lnTo>
                    <a:pt x="1141" y="254"/>
                  </a:lnTo>
                  <a:lnTo>
                    <a:pt x="1142" y="251"/>
                  </a:lnTo>
                  <a:lnTo>
                    <a:pt x="1142" y="251"/>
                  </a:lnTo>
                  <a:lnTo>
                    <a:pt x="1141" y="254"/>
                  </a:lnTo>
                  <a:lnTo>
                    <a:pt x="1141" y="254"/>
                  </a:lnTo>
                  <a:close/>
                  <a:moveTo>
                    <a:pt x="1189" y="476"/>
                  </a:moveTo>
                  <a:lnTo>
                    <a:pt x="1189" y="476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89" y="476"/>
                  </a:lnTo>
                  <a:lnTo>
                    <a:pt x="1189" y="476"/>
                  </a:lnTo>
                  <a:close/>
                  <a:moveTo>
                    <a:pt x="1191" y="478"/>
                  </a:moveTo>
                  <a:lnTo>
                    <a:pt x="1191" y="478"/>
                  </a:lnTo>
                  <a:lnTo>
                    <a:pt x="1192" y="478"/>
                  </a:lnTo>
                  <a:lnTo>
                    <a:pt x="1192" y="478"/>
                  </a:lnTo>
                  <a:lnTo>
                    <a:pt x="1191" y="478"/>
                  </a:lnTo>
                  <a:lnTo>
                    <a:pt x="1191" y="47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5"/>
                  </a:lnTo>
                  <a:lnTo>
                    <a:pt x="1202" y="415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5"/>
                  </a:moveTo>
                  <a:lnTo>
                    <a:pt x="1202" y="415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2" y="415"/>
                  </a:lnTo>
                  <a:lnTo>
                    <a:pt x="1202" y="415"/>
                  </a:lnTo>
                  <a:close/>
                  <a:moveTo>
                    <a:pt x="1204" y="418"/>
                  </a:moveTo>
                  <a:lnTo>
                    <a:pt x="1204" y="418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4" y="418"/>
                  </a:lnTo>
                  <a:lnTo>
                    <a:pt x="1204" y="41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151" y="233"/>
                  </a:moveTo>
                  <a:lnTo>
                    <a:pt x="1151" y="233"/>
                  </a:lnTo>
                  <a:lnTo>
                    <a:pt x="1151" y="234"/>
                  </a:lnTo>
                  <a:lnTo>
                    <a:pt x="1151" y="234"/>
                  </a:lnTo>
                  <a:lnTo>
                    <a:pt x="1151" y="233"/>
                  </a:lnTo>
                  <a:lnTo>
                    <a:pt x="1151" y="233"/>
                  </a:lnTo>
                  <a:close/>
                  <a:moveTo>
                    <a:pt x="134" y="1272"/>
                  </a:move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3" y="1308"/>
                  </a:moveTo>
                  <a:lnTo>
                    <a:pt x="133" y="1308"/>
                  </a:lnTo>
                  <a:lnTo>
                    <a:pt x="131" y="1308"/>
                  </a:lnTo>
                  <a:lnTo>
                    <a:pt x="131" y="1308"/>
                  </a:lnTo>
                  <a:lnTo>
                    <a:pt x="133" y="1308"/>
                  </a:lnTo>
                  <a:lnTo>
                    <a:pt x="133" y="1308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6" y="1306"/>
                  </a:lnTo>
                  <a:lnTo>
                    <a:pt x="135" y="1306"/>
                  </a:lnTo>
                  <a:lnTo>
                    <a:pt x="133" y="1308"/>
                  </a:lnTo>
                  <a:lnTo>
                    <a:pt x="133" y="1308"/>
                  </a:lnTo>
                  <a:lnTo>
                    <a:pt x="135" y="1306"/>
                  </a:lnTo>
                  <a:lnTo>
                    <a:pt x="136" y="1306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7" y="1308"/>
                  </a:move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close/>
                  <a:moveTo>
                    <a:pt x="136" y="1309"/>
                  </a:move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6" y="1312"/>
                  </a:moveTo>
                  <a:lnTo>
                    <a:pt x="136" y="1312"/>
                  </a:lnTo>
                  <a:lnTo>
                    <a:pt x="135" y="1312"/>
                  </a:lnTo>
                  <a:lnTo>
                    <a:pt x="135" y="1312"/>
                  </a:lnTo>
                  <a:lnTo>
                    <a:pt x="136" y="1312"/>
                  </a:lnTo>
                  <a:lnTo>
                    <a:pt x="136" y="1312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>
              <a:off x="1439863" y="2278063"/>
              <a:ext cx="2286000" cy="1655762"/>
            </a:xfrm>
            <a:custGeom>
              <a:avLst/>
              <a:gdLst>
                <a:gd name="T0" fmla="*/ 9 w 3900"/>
                <a:gd name="T1" fmla="*/ 2817 h 2848"/>
                <a:gd name="T2" fmla="*/ 96 w 3900"/>
                <a:gd name="T3" fmla="*/ 2618 h 2848"/>
                <a:gd name="T4" fmla="*/ 226 w 3900"/>
                <a:gd name="T5" fmla="*/ 2404 h 2848"/>
                <a:gd name="T6" fmla="*/ 286 w 3900"/>
                <a:gd name="T7" fmla="*/ 2276 h 2848"/>
                <a:gd name="T8" fmla="*/ 380 w 3900"/>
                <a:gd name="T9" fmla="*/ 2168 h 2848"/>
                <a:gd name="T10" fmla="*/ 494 w 3900"/>
                <a:gd name="T11" fmla="*/ 2074 h 2848"/>
                <a:gd name="T12" fmla="*/ 667 w 3900"/>
                <a:gd name="T13" fmla="*/ 1977 h 2848"/>
                <a:gd name="T14" fmla="*/ 813 w 3900"/>
                <a:gd name="T15" fmla="*/ 1922 h 2848"/>
                <a:gd name="T16" fmla="*/ 1139 w 3900"/>
                <a:gd name="T17" fmla="*/ 1846 h 2848"/>
                <a:gd name="T18" fmla="*/ 1330 w 3900"/>
                <a:gd name="T19" fmla="*/ 1771 h 2848"/>
                <a:gd name="T20" fmla="*/ 1388 w 3900"/>
                <a:gd name="T21" fmla="*/ 1694 h 2848"/>
                <a:gd name="T22" fmla="*/ 1358 w 3900"/>
                <a:gd name="T23" fmla="*/ 1532 h 2848"/>
                <a:gd name="T24" fmla="*/ 1335 w 3900"/>
                <a:gd name="T25" fmla="*/ 1455 h 2848"/>
                <a:gd name="T26" fmla="*/ 1318 w 3900"/>
                <a:gd name="T27" fmla="*/ 1424 h 2848"/>
                <a:gd name="T28" fmla="*/ 1281 w 3900"/>
                <a:gd name="T29" fmla="*/ 1384 h 2848"/>
                <a:gd name="T30" fmla="*/ 1273 w 3900"/>
                <a:gd name="T31" fmla="*/ 1286 h 2848"/>
                <a:gd name="T32" fmla="*/ 1283 w 3900"/>
                <a:gd name="T33" fmla="*/ 1131 h 2848"/>
                <a:gd name="T34" fmla="*/ 1302 w 3900"/>
                <a:gd name="T35" fmla="*/ 966 h 2848"/>
                <a:gd name="T36" fmla="*/ 1271 w 3900"/>
                <a:gd name="T37" fmla="*/ 882 h 2848"/>
                <a:gd name="T38" fmla="*/ 1259 w 3900"/>
                <a:gd name="T39" fmla="*/ 828 h 2848"/>
                <a:gd name="T40" fmla="*/ 1254 w 3900"/>
                <a:gd name="T41" fmla="*/ 749 h 2848"/>
                <a:gd name="T42" fmla="*/ 1226 w 3900"/>
                <a:gd name="T43" fmla="*/ 631 h 2848"/>
                <a:gd name="T44" fmla="*/ 1254 w 3900"/>
                <a:gd name="T45" fmla="*/ 505 h 2848"/>
                <a:gd name="T46" fmla="*/ 1306 w 3900"/>
                <a:gd name="T47" fmla="*/ 429 h 2848"/>
                <a:gd name="T48" fmla="*/ 1335 w 3900"/>
                <a:gd name="T49" fmla="*/ 368 h 2848"/>
                <a:gd name="T50" fmla="*/ 1384 w 3900"/>
                <a:gd name="T51" fmla="*/ 279 h 2848"/>
                <a:gd name="T52" fmla="*/ 1546 w 3900"/>
                <a:gd name="T53" fmla="*/ 150 h 2848"/>
                <a:gd name="T54" fmla="*/ 1694 w 3900"/>
                <a:gd name="T55" fmla="*/ 51 h 2848"/>
                <a:gd name="T56" fmla="*/ 1778 w 3900"/>
                <a:gd name="T57" fmla="*/ 21 h 2848"/>
                <a:gd name="T58" fmla="*/ 1908 w 3900"/>
                <a:gd name="T59" fmla="*/ 10 h 2848"/>
                <a:gd name="T60" fmla="*/ 2077 w 3900"/>
                <a:gd name="T61" fmla="*/ 0 h 2848"/>
                <a:gd name="T62" fmla="*/ 2147 w 3900"/>
                <a:gd name="T63" fmla="*/ 42 h 2848"/>
                <a:gd name="T64" fmla="*/ 2208 w 3900"/>
                <a:gd name="T65" fmla="*/ 66 h 2848"/>
                <a:gd name="T66" fmla="*/ 2331 w 3900"/>
                <a:gd name="T67" fmla="*/ 82 h 2848"/>
                <a:gd name="T68" fmla="*/ 2364 w 3900"/>
                <a:gd name="T69" fmla="*/ 105 h 2848"/>
                <a:gd name="T70" fmla="*/ 2382 w 3900"/>
                <a:gd name="T71" fmla="*/ 178 h 2848"/>
                <a:gd name="T72" fmla="*/ 2420 w 3900"/>
                <a:gd name="T73" fmla="*/ 200 h 2848"/>
                <a:gd name="T74" fmla="*/ 2451 w 3900"/>
                <a:gd name="T75" fmla="*/ 268 h 2848"/>
                <a:gd name="T76" fmla="*/ 2523 w 3900"/>
                <a:gd name="T77" fmla="*/ 404 h 2848"/>
                <a:gd name="T78" fmla="*/ 2612 w 3900"/>
                <a:gd name="T79" fmla="*/ 594 h 2848"/>
                <a:gd name="T80" fmla="*/ 2620 w 3900"/>
                <a:gd name="T81" fmla="*/ 695 h 2848"/>
                <a:gd name="T82" fmla="*/ 2598 w 3900"/>
                <a:gd name="T83" fmla="*/ 875 h 2848"/>
                <a:gd name="T84" fmla="*/ 2612 w 3900"/>
                <a:gd name="T85" fmla="*/ 948 h 2848"/>
                <a:gd name="T86" fmla="*/ 2599 w 3900"/>
                <a:gd name="T87" fmla="*/ 1023 h 2848"/>
                <a:gd name="T88" fmla="*/ 2563 w 3900"/>
                <a:gd name="T89" fmla="*/ 1147 h 2848"/>
                <a:gd name="T90" fmla="*/ 2558 w 3900"/>
                <a:gd name="T91" fmla="*/ 1330 h 2848"/>
                <a:gd name="T92" fmla="*/ 2549 w 3900"/>
                <a:gd name="T93" fmla="*/ 1426 h 2848"/>
                <a:gd name="T94" fmla="*/ 2474 w 3900"/>
                <a:gd name="T95" fmla="*/ 1569 h 2848"/>
                <a:gd name="T96" fmla="*/ 2451 w 3900"/>
                <a:gd name="T97" fmla="*/ 1645 h 2848"/>
                <a:gd name="T98" fmla="*/ 2814 w 3900"/>
                <a:gd name="T99" fmla="*/ 1846 h 2848"/>
                <a:gd name="T100" fmla="*/ 2967 w 3900"/>
                <a:gd name="T101" fmla="*/ 1907 h 2848"/>
                <a:gd name="T102" fmla="*/ 3259 w 3900"/>
                <a:gd name="T103" fmla="*/ 2011 h 2848"/>
                <a:gd name="T104" fmla="*/ 3385 w 3900"/>
                <a:gd name="T105" fmla="*/ 2053 h 2848"/>
                <a:gd name="T106" fmla="*/ 3453 w 3900"/>
                <a:gd name="T107" fmla="*/ 2092 h 2848"/>
                <a:gd name="T108" fmla="*/ 3679 w 3900"/>
                <a:gd name="T109" fmla="*/ 2339 h 2848"/>
                <a:gd name="T110" fmla="*/ 3789 w 3900"/>
                <a:gd name="T111" fmla="*/ 2465 h 2848"/>
                <a:gd name="T112" fmla="*/ 3832 w 3900"/>
                <a:gd name="T113" fmla="*/ 2576 h 2848"/>
                <a:gd name="T114" fmla="*/ 3900 w 3900"/>
                <a:gd name="T115" fmla="*/ 2848 h 28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900" h="2848">
                  <a:moveTo>
                    <a:pt x="3900" y="2848"/>
                  </a:moveTo>
                  <a:lnTo>
                    <a:pt x="3900" y="2848"/>
                  </a:lnTo>
                  <a:lnTo>
                    <a:pt x="0" y="2848"/>
                  </a:lnTo>
                  <a:lnTo>
                    <a:pt x="0" y="2848"/>
                  </a:lnTo>
                  <a:lnTo>
                    <a:pt x="9" y="2817"/>
                  </a:lnTo>
                  <a:lnTo>
                    <a:pt x="19" y="2785"/>
                  </a:lnTo>
                  <a:lnTo>
                    <a:pt x="30" y="2756"/>
                  </a:lnTo>
                  <a:lnTo>
                    <a:pt x="42" y="2728"/>
                  </a:lnTo>
                  <a:lnTo>
                    <a:pt x="68" y="2672"/>
                  </a:lnTo>
                  <a:lnTo>
                    <a:pt x="96" y="2618"/>
                  </a:lnTo>
                  <a:lnTo>
                    <a:pt x="125" y="2567"/>
                  </a:lnTo>
                  <a:lnTo>
                    <a:pt x="157" y="2519"/>
                  </a:lnTo>
                  <a:lnTo>
                    <a:pt x="216" y="2423"/>
                  </a:lnTo>
                  <a:lnTo>
                    <a:pt x="216" y="2423"/>
                  </a:lnTo>
                  <a:lnTo>
                    <a:pt x="226" y="2404"/>
                  </a:lnTo>
                  <a:lnTo>
                    <a:pt x="235" y="2386"/>
                  </a:lnTo>
                  <a:lnTo>
                    <a:pt x="251" y="2348"/>
                  </a:lnTo>
                  <a:lnTo>
                    <a:pt x="266" y="2311"/>
                  </a:lnTo>
                  <a:lnTo>
                    <a:pt x="275" y="2294"/>
                  </a:lnTo>
                  <a:lnTo>
                    <a:pt x="286" y="2276"/>
                  </a:lnTo>
                  <a:lnTo>
                    <a:pt x="286" y="2276"/>
                  </a:lnTo>
                  <a:lnTo>
                    <a:pt x="305" y="2248"/>
                  </a:lnTo>
                  <a:lnTo>
                    <a:pt x="327" y="2222"/>
                  </a:lnTo>
                  <a:lnTo>
                    <a:pt x="352" y="2194"/>
                  </a:lnTo>
                  <a:lnTo>
                    <a:pt x="380" y="2168"/>
                  </a:lnTo>
                  <a:lnTo>
                    <a:pt x="407" y="2142"/>
                  </a:lnTo>
                  <a:lnTo>
                    <a:pt x="437" y="2118"/>
                  </a:lnTo>
                  <a:lnTo>
                    <a:pt x="467" y="2093"/>
                  </a:lnTo>
                  <a:lnTo>
                    <a:pt x="494" y="2074"/>
                  </a:lnTo>
                  <a:lnTo>
                    <a:pt x="494" y="2074"/>
                  </a:lnTo>
                  <a:lnTo>
                    <a:pt x="528" y="2051"/>
                  </a:lnTo>
                  <a:lnTo>
                    <a:pt x="561" y="2032"/>
                  </a:lnTo>
                  <a:lnTo>
                    <a:pt x="595" y="2011"/>
                  </a:lnTo>
                  <a:lnTo>
                    <a:pt x="632" y="1994"/>
                  </a:lnTo>
                  <a:lnTo>
                    <a:pt x="667" y="1977"/>
                  </a:lnTo>
                  <a:lnTo>
                    <a:pt x="703" y="1961"/>
                  </a:lnTo>
                  <a:lnTo>
                    <a:pt x="738" y="1947"/>
                  </a:lnTo>
                  <a:lnTo>
                    <a:pt x="773" y="1935"/>
                  </a:lnTo>
                  <a:lnTo>
                    <a:pt x="773" y="1935"/>
                  </a:lnTo>
                  <a:lnTo>
                    <a:pt x="813" y="1922"/>
                  </a:lnTo>
                  <a:lnTo>
                    <a:pt x="851" y="1912"/>
                  </a:lnTo>
                  <a:lnTo>
                    <a:pt x="933" y="1893"/>
                  </a:lnTo>
                  <a:lnTo>
                    <a:pt x="1015" y="1875"/>
                  </a:lnTo>
                  <a:lnTo>
                    <a:pt x="1097" y="1856"/>
                  </a:lnTo>
                  <a:lnTo>
                    <a:pt x="1139" y="1846"/>
                  </a:lnTo>
                  <a:lnTo>
                    <a:pt x="1179" y="1834"/>
                  </a:lnTo>
                  <a:lnTo>
                    <a:pt x="1217" y="1821"/>
                  </a:lnTo>
                  <a:lnTo>
                    <a:pt x="1257" y="1806"/>
                  </a:lnTo>
                  <a:lnTo>
                    <a:pt x="1294" y="1790"/>
                  </a:lnTo>
                  <a:lnTo>
                    <a:pt x="1330" y="1771"/>
                  </a:lnTo>
                  <a:lnTo>
                    <a:pt x="1367" y="1750"/>
                  </a:lnTo>
                  <a:lnTo>
                    <a:pt x="1400" y="1726"/>
                  </a:lnTo>
                  <a:lnTo>
                    <a:pt x="1400" y="1726"/>
                  </a:lnTo>
                  <a:lnTo>
                    <a:pt x="1393" y="1710"/>
                  </a:lnTo>
                  <a:lnTo>
                    <a:pt x="1388" y="1694"/>
                  </a:lnTo>
                  <a:lnTo>
                    <a:pt x="1379" y="1661"/>
                  </a:lnTo>
                  <a:lnTo>
                    <a:pt x="1372" y="1630"/>
                  </a:lnTo>
                  <a:lnTo>
                    <a:pt x="1367" y="1597"/>
                  </a:lnTo>
                  <a:lnTo>
                    <a:pt x="1363" y="1563"/>
                  </a:lnTo>
                  <a:lnTo>
                    <a:pt x="1358" y="1532"/>
                  </a:lnTo>
                  <a:lnTo>
                    <a:pt x="1349" y="1499"/>
                  </a:lnTo>
                  <a:lnTo>
                    <a:pt x="1344" y="1483"/>
                  </a:lnTo>
                  <a:lnTo>
                    <a:pt x="1337" y="1468"/>
                  </a:lnTo>
                  <a:lnTo>
                    <a:pt x="1337" y="1468"/>
                  </a:lnTo>
                  <a:lnTo>
                    <a:pt x="1335" y="1455"/>
                  </a:lnTo>
                  <a:lnTo>
                    <a:pt x="1334" y="1447"/>
                  </a:lnTo>
                  <a:lnTo>
                    <a:pt x="1330" y="1440"/>
                  </a:lnTo>
                  <a:lnTo>
                    <a:pt x="1330" y="1440"/>
                  </a:lnTo>
                  <a:lnTo>
                    <a:pt x="1325" y="1429"/>
                  </a:lnTo>
                  <a:lnTo>
                    <a:pt x="1318" y="1424"/>
                  </a:lnTo>
                  <a:lnTo>
                    <a:pt x="1304" y="1414"/>
                  </a:lnTo>
                  <a:lnTo>
                    <a:pt x="1299" y="1410"/>
                  </a:lnTo>
                  <a:lnTo>
                    <a:pt x="1292" y="1403"/>
                  </a:lnTo>
                  <a:lnTo>
                    <a:pt x="1287" y="1396"/>
                  </a:lnTo>
                  <a:lnTo>
                    <a:pt x="1281" y="1384"/>
                  </a:lnTo>
                  <a:lnTo>
                    <a:pt x="1281" y="1384"/>
                  </a:lnTo>
                  <a:lnTo>
                    <a:pt x="1278" y="1361"/>
                  </a:lnTo>
                  <a:lnTo>
                    <a:pt x="1274" y="1339"/>
                  </a:lnTo>
                  <a:lnTo>
                    <a:pt x="1273" y="1312"/>
                  </a:lnTo>
                  <a:lnTo>
                    <a:pt x="1273" y="1286"/>
                  </a:lnTo>
                  <a:lnTo>
                    <a:pt x="1273" y="1236"/>
                  </a:lnTo>
                  <a:lnTo>
                    <a:pt x="1274" y="1189"/>
                  </a:lnTo>
                  <a:lnTo>
                    <a:pt x="1274" y="1189"/>
                  </a:lnTo>
                  <a:lnTo>
                    <a:pt x="1278" y="1159"/>
                  </a:lnTo>
                  <a:lnTo>
                    <a:pt x="1283" y="1131"/>
                  </a:lnTo>
                  <a:lnTo>
                    <a:pt x="1294" y="1075"/>
                  </a:lnTo>
                  <a:lnTo>
                    <a:pt x="1299" y="1049"/>
                  </a:lnTo>
                  <a:lnTo>
                    <a:pt x="1304" y="1021"/>
                  </a:lnTo>
                  <a:lnTo>
                    <a:pt x="1304" y="993"/>
                  </a:lnTo>
                  <a:lnTo>
                    <a:pt x="1302" y="966"/>
                  </a:lnTo>
                  <a:lnTo>
                    <a:pt x="1302" y="966"/>
                  </a:lnTo>
                  <a:lnTo>
                    <a:pt x="1301" y="950"/>
                  </a:lnTo>
                  <a:lnTo>
                    <a:pt x="1295" y="936"/>
                  </a:lnTo>
                  <a:lnTo>
                    <a:pt x="1283" y="908"/>
                  </a:lnTo>
                  <a:lnTo>
                    <a:pt x="1271" y="882"/>
                  </a:lnTo>
                  <a:lnTo>
                    <a:pt x="1266" y="868"/>
                  </a:lnTo>
                  <a:lnTo>
                    <a:pt x="1261" y="854"/>
                  </a:lnTo>
                  <a:lnTo>
                    <a:pt x="1261" y="854"/>
                  </a:lnTo>
                  <a:lnTo>
                    <a:pt x="1259" y="842"/>
                  </a:lnTo>
                  <a:lnTo>
                    <a:pt x="1259" y="828"/>
                  </a:lnTo>
                  <a:lnTo>
                    <a:pt x="1257" y="802"/>
                  </a:lnTo>
                  <a:lnTo>
                    <a:pt x="1257" y="776"/>
                  </a:lnTo>
                  <a:lnTo>
                    <a:pt x="1257" y="762"/>
                  </a:lnTo>
                  <a:lnTo>
                    <a:pt x="1254" y="749"/>
                  </a:lnTo>
                  <a:lnTo>
                    <a:pt x="1254" y="749"/>
                  </a:lnTo>
                  <a:lnTo>
                    <a:pt x="1247" y="716"/>
                  </a:lnTo>
                  <a:lnTo>
                    <a:pt x="1236" y="687"/>
                  </a:lnTo>
                  <a:lnTo>
                    <a:pt x="1229" y="659"/>
                  </a:lnTo>
                  <a:lnTo>
                    <a:pt x="1227" y="645"/>
                  </a:lnTo>
                  <a:lnTo>
                    <a:pt x="1226" y="631"/>
                  </a:lnTo>
                  <a:lnTo>
                    <a:pt x="1226" y="631"/>
                  </a:lnTo>
                  <a:lnTo>
                    <a:pt x="1229" y="603"/>
                  </a:lnTo>
                  <a:lnTo>
                    <a:pt x="1234" y="572"/>
                  </a:lnTo>
                  <a:lnTo>
                    <a:pt x="1243" y="537"/>
                  </a:lnTo>
                  <a:lnTo>
                    <a:pt x="1254" y="505"/>
                  </a:lnTo>
                  <a:lnTo>
                    <a:pt x="1254" y="505"/>
                  </a:lnTo>
                  <a:lnTo>
                    <a:pt x="1261" y="492"/>
                  </a:lnTo>
                  <a:lnTo>
                    <a:pt x="1268" y="479"/>
                  </a:lnTo>
                  <a:lnTo>
                    <a:pt x="1287" y="455"/>
                  </a:lnTo>
                  <a:lnTo>
                    <a:pt x="1306" y="429"/>
                  </a:lnTo>
                  <a:lnTo>
                    <a:pt x="1315" y="415"/>
                  </a:lnTo>
                  <a:lnTo>
                    <a:pt x="1323" y="401"/>
                  </a:lnTo>
                  <a:lnTo>
                    <a:pt x="1323" y="401"/>
                  </a:lnTo>
                  <a:lnTo>
                    <a:pt x="1330" y="385"/>
                  </a:lnTo>
                  <a:lnTo>
                    <a:pt x="1335" y="368"/>
                  </a:lnTo>
                  <a:lnTo>
                    <a:pt x="1339" y="352"/>
                  </a:lnTo>
                  <a:lnTo>
                    <a:pt x="1344" y="338"/>
                  </a:lnTo>
                  <a:lnTo>
                    <a:pt x="1344" y="338"/>
                  </a:lnTo>
                  <a:lnTo>
                    <a:pt x="1363" y="307"/>
                  </a:lnTo>
                  <a:lnTo>
                    <a:pt x="1384" y="279"/>
                  </a:lnTo>
                  <a:lnTo>
                    <a:pt x="1407" y="254"/>
                  </a:lnTo>
                  <a:lnTo>
                    <a:pt x="1433" y="230"/>
                  </a:lnTo>
                  <a:lnTo>
                    <a:pt x="1459" y="209"/>
                  </a:lnTo>
                  <a:lnTo>
                    <a:pt x="1487" y="190"/>
                  </a:lnTo>
                  <a:lnTo>
                    <a:pt x="1546" y="150"/>
                  </a:lnTo>
                  <a:lnTo>
                    <a:pt x="1546" y="150"/>
                  </a:lnTo>
                  <a:lnTo>
                    <a:pt x="1597" y="115"/>
                  </a:lnTo>
                  <a:lnTo>
                    <a:pt x="1647" y="80"/>
                  </a:lnTo>
                  <a:lnTo>
                    <a:pt x="1671" y="64"/>
                  </a:lnTo>
                  <a:lnTo>
                    <a:pt x="1694" y="51"/>
                  </a:lnTo>
                  <a:lnTo>
                    <a:pt x="1715" y="38"/>
                  </a:lnTo>
                  <a:lnTo>
                    <a:pt x="1734" y="31"/>
                  </a:lnTo>
                  <a:lnTo>
                    <a:pt x="1734" y="31"/>
                  </a:lnTo>
                  <a:lnTo>
                    <a:pt x="1757" y="24"/>
                  </a:lnTo>
                  <a:lnTo>
                    <a:pt x="1778" y="21"/>
                  </a:lnTo>
                  <a:lnTo>
                    <a:pt x="1823" y="17"/>
                  </a:lnTo>
                  <a:lnTo>
                    <a:pt x="1866" y="16"/>
                  </a:lnTo>
                  <a:lnTo>
                    <a:pt x="1887" y="14"/>
                  </a:lnTo>
                  <a:lnTo>
                    <a:pt x="1908" y="10"/>
                  </a:lnTo>
                  <a:lnTo>
                    <a:pt x="1908" y="10"/>
                  </a:lnTo>
                  <a:lnTo>
                    <a:pt x="1931" y="5"/>
                  </a:lnTo>
                  <a:lnTo>
                    <a:pt x="1952" y="3"/>
                  </a:lnTo>
                  <a:lnTo>
                    <a:pt x="1994" y="0"/>
                  </a:lnTo>
                  <a:lnTo>
                    <a:pt x="2034" y="0"/>
                  </a:lnTo>
                  <a:lnTo>
                    <a:pt x="2077" y="0"/>
                  </a:lnTo>
                  <a:lnTo>
                    <a:pt x="2077" y="0"/>
                  </a:lnTo>
                  <a:lnTo>
                    <a:pt x="2098" y="10"/>
                  </a:lnTo>
                  <a:lnTo>
                    <a:pt x="2114" y="19"/>
                  </a:lnTo>
                  <a:lnTo>
                    <a:pt x="2129" y="30"/>
                  </a:lnTo>
                  <a:lnTo>
                    <a:pt x="2147" y="42"/>
                  </a:lnTo>
                  <a:lnTo>
                    <a:pt x="2147" y="42"/>
                  </a:lnTo>
                  <a:lnTo>
                    <a:pt x="2162" y="54"/>
                  </a:lnTo>
                  <a:lnTo>
                    <a:pt x="2176" y="59"/>
                  </a:lnTo>
                  <a:lnTo>
                    <a:pt x="2208" y="66"/>
                  </a:lnTo>
                  <a:lnTo>
                    <a:pt x="2208" y="66"/>
                  </a:lnTo>
                  <a:lnTo>
                    <a:pt x="2225" y="70"/>
                  </a:lnTo>
                  <a:lnTo>
                    <a:pt x="2243" y="71"/>
                  </a:lnTo>
                  <a:lnTo>
                    <a:pt x="2279" y="77"/>
                  </a:lnTo>
                  <a:lnTo>
                    <a:pt x="2316" y="80"/>
                  </a:lnTo>
                  <a:lnTo>
                    <a:pt x="2331" y="82"/>
                  </a:lnTo>
                  <a:lnTo>
                    <a:pt x="2345" y="85"/>
                  </a:lnTo>
                  <a:lnTo>
                    <a:pt x="2345" y="85"/>
                  </a:lnTo>
                  <a:lnTo>
                    <a:pt x="2352" y="89"/>
                  </a:lnTo>
                  <a:lnTo>
                    <a:pt x="2359" y="96"/>
                  </a:lnTo>
                  <a:lnTo>
                    <a:pt x="2364" y="105"/>
                  </a:lnTo>
                  <a:lnTo>
                    <a:pt x="2371" y="115"/>
                  </a:lnTo>
                  <a:lnTo>
                    <a:pt x="2375" y="129"/>
                  </a:lnTo>
                  <a:lnTo>
                    <a:pt x="2378" y="143"/>
                  </a:lnTo>
                  <a:lnTo>
                    <a:pt x="2382" y="160"/>
                  </a:lnTo>
                  <a:lnTo>
                    <a:pt x="2382" y="178"/>
                  </a:lnTo>
                  <a:lnTo>
                    <a:pt x="2382" y="178"/>
                  </a:lnTo>
                  <a:lnTo>
                    <a:pt x="2390" y="180"/>
                  </a:lnTo>
                  <a:lnTo>
                    <a:pt x="2397" y="183"/>
                  </a:lnTo>
                  <a:lnTo>
                    <a:pt x="2410" y="190"/>
                  </a:lnTo>
                  <a:lnTo>
                    <a:pt x="2420" y="200"/>
                  </a:lnTo>
                  <a:lnTo>
                    <a:pt x="2427" y="213"/>
                  </a:lnTo>
                  <a:lnTo>
                    <a:pt x="2434" y="227"/>
                  </a:lnTo>
                  <a:lnTo>
                    <a:pt x="2439" y="241"/>
                  </a:lnTo>
                  <a:lnTo>
                    <a:pt x="2451" y="268"/>
                  </a:lnTo>
                  <a:lnTo>
                    <a:pt x="2451" y="268"/>
                  </a:lnTo>
                  <a:lnTo>
                    <a:pt x="2481" y="321"/>
                  </a:lnTo>
                  <a:lnTo>
                    <a:pt x="2495" y="345"/>
                  </a:lnTo>
                  <a:lnTo>
                    <a:pt x="2507" y="373"/>
                  </a:lnTo>
                  <a:lnTo>
                    <a:pt x="2507" y="373"/>
                  </a:lnTo>
                  <a:lnTo>
                    <a:pt x="2523" y="404"/>
                  </a:lnTo>
                  <a:lnTo>
                    <a:pt x="2540" y="434"/>
                  </a:lnTo>
                  <a:lnTo>
                    <a:pt x="2573" y="497"/>
                  </a:lnTo>
                  <a:lnTo>
                    <a:pt x="2589" y="528"/>
                  </a:lnTo>
                  <a:lnTo>
                    <a:pt x="2601" y="561"/>
                  </a:lnTo>
                  <a:lnTo>
                    <a:pt x="2612" y="594"/>
                  </a:lnTo>
                  <a:lnTo>
                    <a:pt x="2617" y="612"/>
                  </a:lnTo>
                  <a:lnTo>
                    <a:pt x="2619" y="631"/>
                  </a:lnTo>
                  <a:lnTo>
                    <a:pt x="2619" y="631"/>
                  </a:lnTo>
                  <a:lnTo>
                    <a:pt x="2622" y="662"/>
                  </a:lnTo>
                  <a:lnTo>
                    <a:pt x="2620" y="695"/>
                  </a:lnTo>
                  <a:lnTo>
                    <a:pt x="2617" y="727"/>
                  </a:lnTo>
                  <a:lnTo>
                    <a:pt x="2613" y="756"/>
                  </a:lnTo>
                  <a:lnTo>
                    <a:pt x="2603" y="816"/>
                  </a:lnTo>
                  <a:lnTo>
                    <a:pt x="2599" y="845"/>
                  </a:lnTo>
                  <a:lnTo>
                    <a:pt x="2598" y="875"/>
                  </a:lnTo>
                  <a:lnTo>
                    <a:pt x="2598" y="875"/>
                  </a:lnTo>
                  <a:lnTo>
                    <a:pt x="2601" y="896"/>
                  </a:lnTo>
                  <a:lnTo>
                    <a:pt x="2606" y="917"/>
                  </a:lnTo>
                  <a:lnTo>
                    <a:pt x="2610" y="938"/>
                  </a:lnTo>
                  <a:lnTo>
                    <a:pt x="2612" y="948"/>
                  </a:lnTo>
                  <a:lnTo>
                    <a:pt x="2612" y="959"/>
                  </a:lnTo>
                  <a:lnTo>
                    <a:pt x="2612" y="959"/>
                  </a:lnTo>
                  <a:lnTo>
                    <a:pt x="2610" y="980"/>
                  </a:lnTo>
                  <a:lnTo>
                    <a:pt x="2606" y="1000"/>
                  </a:lnTo>
                  <a:lnTo>
                    <a:pt x="2599" y="1023"/>
                  </a:lnTo>
                  <a:lnTo>
                    <a:pt x="2592" y="1048"/>
                  </a:lnTo>
                  <a:lnTo>
                    <a:pt x="2577" y="1095"/>
                  </a:lnTo>
                  <a:lnTo>
                    <a:pt x="2570" y="1121"/>
                  </a:lnTo>
                  <a:lnTo>
                    <a:pt x="2563" y="1147"/>
                  </a:lnTo>
                  <a:lnTo>
                    <a:pt x="2563" y="1147"/>
                  </a:lnTo>
                  <a:lnTo>
                    <a:pt x="2558" y="1183"/>
                  </a:lnTo>
                  <a:lnTo>
                    <a:pt x="2556" y="1220"/>
                  </a:lnTo>
                  <a:lnTo>
                    <a:pt x="2556" y="1257"/>
                  </a:lnTo>
                  <a:lnTo>
                    <a:pt x="2558" y="1293"/>
                  </a:lnTo>
                  <a:lnTo>
                    <a:pt x="2558" y="1330"/>
                  </a:lnTo>
                  <a:lnTo>
                    <a:pt x="2558" y="1363"/>
                  </a:lnTo>
                  <a:lnTo>
                    <a:pt x="2556" y="1396"/>
                  </a:lnTo>
                  <a:lnTo>
                    <a:pt x="2552" y="1410"/>
                  </a:lnTo>
                  <a:lnTo>
                    <a:pt x="2549" y="1426"/>
                  </a:lnTo>
                  <a:lnTo>
                    <a:pt x="2549" y="1426"/>
                  </a:lnTo>
                  <a:lnTo>
                    <a:pt x="2545" y="1440"/>
                  </a:lnTo>
                  <a:lnTo>
                    <a:pt x="2538" y="1454"/>
                  </a:lnTo>
                  <a:lnTo>
                    <a:pt x="2525" y="1482"/>
                  </a:lnTo>
                  <a:lnTo>
                    <a:pt x="2490" y="1539"/>
                  </a:lnTo>
                  <a:lnTo>
                    <a:pt x="2474" y="1569"/>
                  </a:lnTo>
                  <a:lnTo>
                    <a:pt x="2467" y="1584"/>
                  </a:lnTo>
                  <a:lnTo>
                    <a:pt x="2460" y="1598"/>
                  </a:lnTo>
                  <a:lnTo>
                    <a:pt x="2457" y="1614"/>
                  </a:lnTo>
                  <a:lnTo>
                    <a:pt x="2453" y="1630"/>
                  </a:lnTo>
                  <a:lnTo>
                    <a:pt x="2451" y="1645"/>
                  </a:lnTo>
                  <a:lnTo>
                    <a:pt x="2451" y="1663"/>
                  </a:lnTo>
                  <a:lnTo>
                    <a:pt x="2451" y="1663"/>
                  </a:lnTo>
                  <a:lnTo>
                    <a:pt x="2638" y="1759"/>
                  </a:lnTo>
                  <a:lnTo>
                    <a:pt x="2760" y="1821"/>
                  </a:lnTo>
                  <a:lnTo>
                    <a:pt x="2814" y="1846"/>
                  </a:lnTo>
                  <a:lnTo>
                    <a:pt x="2855" y="1865"/>
                  </a:lnTo>
                  <a:lnTo>
                    <a:pt x="2855" y="1865"/>
                  </a:lnTo>
                  <a:lnTo>
                    <a:pt x="2911" y="1886"/>
                  </a:lnTo>
                  <a:lnTo>
                    <a:pt x="2939" y="1896"/>
                  </a:lnTo>
                  <a:lnTo>
                    <a:pt x="2967" y="1907"/>
                  </a:lnTo>
                  <a:lnTo>
                    <a:pt x="2967" y="1907"/>
                  </a:lnTo>
                  <a:lnTo>
                    <a:pt x="3033" y="1928"/>
                  </a:lnTo>
                  <a:lnTo>
                    <a:pt x="3122" y="1959"/>
                  </a:lnTo>
                  <a:lnTo>
                    <a:pt x="3259" y="2011"/>
                  </a:lnTo>
                  <a:lnTo>
                    <a:pt x="3259" y="2011"/>
                  </a:lnTo>
                  <a:lnTo>
                    <a:pt x="3292" y="2022"/>
                  </a:lnTo>
                  <a:lnTo>
                    <a:pt x="3325" y="2031"/>
                  </a:lnTo>
                  <a:lnTo>
                    <a:pt x="3357" y="2041"/>
                  </a:lnTo>
                  <a:lnTo>
                    <a:pt x="3371" y="2046"/>
                  </a:lnTo>
                  <a:lnTo>
                    <a:pt x="3385" y="2053"/>
                  </a:lnTo>
                  <a:lnTo>
                    <a:pt x="3385" y="2053"/>
                  </a:lnTo>
                  <a:lnTo>
                    <a:pt x="3413" y="2065"/>
                  </a:lnTo>
                  <a:lnTo>
                    <a:pt x="3440" y="2081"/>
                  </a:lnTo>
                  <a:lnTo>
                    <a:pt x="3440" y="2081"/>
                  </a:lnTo>
                  <a:lnTo>
                    <a:pt x="3453" y="2092"/>
                  </a:lnTo>
                  <a:lnTo>
                    <a:pt x="3468" y="2105"/>
                  </a:lnTo>
                  <a:lnTo>
                    <a:pt x="3507" y="2144"/>
                  </a:lnTo>
                  <a:lnTo>
                    <a:pt x="3548" y="2191"/>
                  </a:lnTo>
                  <a:lnTo>
                    <a:pt x="3595" y="2243"/>
                  </a:lnTo>
                  <a:lnTo>
                    <a:pt x="3679" y="2339"/>
                  </a:lnTo>
                  <a:lnTo>
                    <a:pt x="3726" y="2395"/>
                  </a:lnTo>
                  <a:lnTo>
                    <a:pt x="3726" y="2395"/>
                  </a:lnTo>
                  <a:lnTo>
                    <a:pt x="3749" y="2417"/>
                  </a:lnTo>
                  <a:lnTo>
                    <a:pt x="3769" y="2440"/>
                  </a:lnTo>
                  <a:lnTo>
                    <a:pt x="3789" y="2465"/>
                  </a:lnTo>
                  <a:lnTo>
                    <a:pt x="3796" y="2478"/>
                  </a:lnTo>
                  <a:lnTo>
                    <a:pt x="3803" y="2492"/>
                  </a:lnTo>
                  <a:lnTo>
                    <a:pt x="3803" y="2492"/>
                  </a:lnTo>
                  <a:lnTo>
                    <a:pt x="3820" y="2533"/>
                  </a:lnTo>
                  <a:lnTo>
                    <a:pt x="3832" y="2576"/>
                  </a:lnTo>
                  <a:lnTo>
                    <a:pt x="3844" y="2623"/>
                  </a:lnTo>
                  <a:lnTo>
                    <a:pt x="3856" y="2668"/>
                  </a:lnTo>
                  <a:lnTo>
                    <a:pt x="3877" y="2763"/>
                  </a:lnTo>
                  <a:lnTo>
                    <a:pt x="3888" y="2806"/>
                  </a:lnTo>
                  <a:lnTo>
                    <a:pt x="3900" y="2848"/>
                  </a:lnTo>
                  <a:lnTo>
                    <a:pt x="3900" y="284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 noEditPoints="1"/>
            </p:cNvSpPr>
            <p:nvPr/>
          </p:nvSpPr>
          <p:spPr bwMode="auto">
            <a:xfrm>
              <a:off x="466725" y="2397125"/>
              <a:ext cx="1706563" cy="1536700"/>
            </a:xfrm>
            <a:custGeom>
              <a:avLst/>
              <a:gdLst>
                <a:gd name="T0" fmla="*/ 1416 w 1528"/>
                <a:gd name="T1" fmla="*/ 1095 h 1376"/>
                <a:gd name="T2" fmla="*/ 1255 w 1528"/>
                <a:gd name="T3" fmla="*/ 1004 h 1376"/>
                <a:gd name="T4" fmla="*/ 1219 w 1528"/>
                <a:gd name="T5" fmla="*/ 986 h 1376"/>
                <a:gd name="T6" fmla="*/ 1234 w 1528"/>
                <a:gd name="T7" fmla="*/ 943 h 1376"/>
                <a:gd name="T8" fmla="*/ 1206 w 1528"/>
                <a:gd name="T9" fmla="*/ 909 h 1376"/>
                <a:gd name="T10" fmla="*/ 1235 w 1528"/>
                <a:gd name="T11" fmla="*/ 876 h 1376"/>
                <a:gd name="T12" fmla="*/ 1207 w 1528"/>
                <a:gd name="T13" fmla="*/ 848 h 1376"/>
                <a:gd name="T14" fmla="*/ 1204 w 1528"/>
                <a:gd name="T15" fmla="*/ 826 h 1376"/>
                <a:gd name="T16" fmla="*/ 1202 w 1528"/>
                <a:gd name="T17" fmla="*/ 813 h 1376"/>
                <a:gd name="T18" fmla="*/ 1199 w 1528"/>
                <a:gd name="T19" fmla="*/ 787 h 1376"/>
                <a:gd name="T20" fmla="*/ 1191 w 1528"/>
                <a:gd name="T21" fmla="*/ 683 h 1376"/>
                <a:gd name="T22" fmla="*/ 1191 w 1528"/>
                <a:gd name="T23" fmla="*/ 640 h 1376"/>
                <a:gd name="T24" fmla="*/ 1191 w 1528"/>
                <a:gd name="T25" fmla="*/ 624 h 1376"/>
                <a:gd name="T26" fmla="*/ 1204 w 1528"/>
                <a:gd name="T27" fmla="*/ 602 h 1376"/>
                <a:gd name="T28" fmla="*/ 1209 w 1528"/>
                <a:gd name="T29" fmla="*/ 584 h 1376"/>
                <a:gd name="T30" fmla="*/ 1211 w 1528"/>
                <a:gd name="T31" fmla="*/ 548 h 1376"/>
                <a:gd name="T32" fmla="*/ 1176 w 1528"/>
                <a:gd name="T33" fmla="*/ 495 h 1376"/>
                <a:gd name="T34" fmla="*/ 1169 w 1528"/>
                <a:gd name="T35" fmla="*/ 454 h 1376"/>
                <a:gd name="T36" fmla="*/ 1156 w 1528"/>
                <a:gd name="T37" fmla="*/ 425 h 1376"/>
                <a:gd name="T38" fmla="*/ 1125 w 1528"/>
                <a:gd name="T39" fmla="*/ 379 h 1376"/>
                <a:gd name="T40" fmla="*/ 1128 w 1528"/>
                <a:gd name="T41" fmla="*/ 356 h 1376"/>
                <a:gd name="T42" fmla="*/ 1110 w 1528"/>
                <a:gd name="T43" fmla="*/ 351 h 1376"/>
                <a:gd name="T44" fmla="*/ 1109 w 1528"/>
                <a:gd name="T45" fmla="*/ 318 h 1376"/>
                <a:gd name="T46" fmla="*/ 1095 w 1528"/>
                <a:gd name="T47" fmla="*/ 300 h 1376"/>
                <a:gd name="T48" fmla="*/ 1092 w 1528"/>
                <a:gd name="T49" fmla="*/ 277 h 1376"/>
                <a:gd name="T50" fmla="*/ 1064 w 1528"/>
                <a:gd name="T51" fmla="*/ 249 h 1376"/>
                <a:gd name="T52" fmla="*/ 1038 w 1528"/>
                <a:gd name="T53" fmla="*/ 206 h 1376"/>
                <a:gd name="T54" fmla="*/ 1003 w 1528"/>
                <a:gd name="T55" fmla="*/ 170 h 1376"/>
                <a:gd name="T56" fmla="*/ 980 w 1528"/>
                <a:gd name="T57" fmla="*/ 132 h 1376"/>
                <a:gd name="T58" fmla="*/ 938 w 1528"/>
                <a:gd name="T59" fmla="*/ 91 h 1376"/>
                <a:gd name="T60" fmla="*/ 867 w 1528"/>
                <a:gd name="T61" fmla="*/ 51 h 1376"/>
                <a:gd name="T62" fmla="*/ 757 w 1528"/>
                <a:gd name="T63" fmla="*/ 25 h 1376"/>
                <a:gd name="T64" fmla="*/ 625 w 1528"/>
                <a:gd name="T65" fmla="*/ 16 h 1376"/>
                <a:gd name="T66" fmla="*/ 553 w 1528"/>
                <a:gd name="T67" fmla="*/ 35 h 1376"/>
                <a:gd name="T68" fmla="*/ 505 w 1528"/>
                <a:gd name="T69" fmla="*/ 59 h 1376"/>
                <a:gd name="T70" fmla="*/ 487 w 1528"/>
                <a:gd name="T71" fmla="*/ 59 h 1376"/>
                <a:gd name="T72" fmla="*/ 454 w 1528"/>
                <a:gd name="T73" fmla="*/ 82 h 1376"/>
                <a:gd name="T74" fmla="*/ 347 w 1528"/>
                <a:gd name="T75" fmla="*/ 183 h 1376"/>
                <a:gd name="T76" fmla="*/ 314 w 1528"/>
                <a:gd name="T77" fmla="*/ 229 h 1376"/>
                <a:gd name="T78" fmla="*/ 313 w 1528"/>
                <a:gd name="T79" fmla="*/ 252 h 1376"/>
                <a:gd name="T80" fmla="*/ 278 w 1528"/>
                <a:gd name="T81" fmla="*/ 272 h 1376"/>
                <a:gd name="T82" fmla="*/ 255 w 1528"/>
                <a:gd name="T83" fmla="*/ 326 h 1376"/>
                <a:gd name="T84" fmla="*/ 248 w 1528"/>
                <a:gd name="T85" fmla="*/ 364 h 1376"/>
                <a:gd name="T86" fmla="*/ 250 w 1528"/>
                <a:gd name="T87" fmla="*/ 367 h 1376"/>
                <a:gd name="T88" fmla="*/ 229 w 1528"/>
                <a:gd name="T89" fmla="*/ 395 h 1376"/>
                <a:gd name="T90" fmla="*/ 234 w 1528"/>
                <a:gd name="T91" fmla="*/ 435 h 1376"/>
                <a:gd name="T92" fmla="*/ 215 w 1528"/>
                <a:gd name="T93" fmla="*/ 482 h 1376"/>
                <a:gd name="T94" fmla="*/ 238 w 1528"/>
                <a:gd name="T95" fmla="*/ 514 h 1376"/>
                <a:gd name="T96" fmla="*/ 235 w 1528"/>
                <a:gd name="T97" fmla="*/ 548 h 1376"/>
                <a:gd name="T98" fmla="*/ 225 w 1528"/>
                <a:gd name="T99" fmla="*/ 609 h 1376"/>
                <a:gd name="T100" fmla="*/ 253 w 1528"/>
                <a:gd name="T101" fmla="*/ 728 h 1376"/>
                <a:gd name="T102" fmla="*/ 209 w 1528"/>
                <a:gd name="T103" fmla="*/ 764 h 1376"/>
                <a:gd name="T104" fmla="*/ 194 w 1528"/>
                <a:gd name="T105" fmla="*/ 858 h 1376"/>
                <a:gd name="T106" fmla="*/ 196 w 1528"/>
                <a:gd name="T107" fmla="*/ 992 h 1376"/>
                <a:gd name="T108" fmla="*/ 206 w 1528"/>
                <a:gd name="T109" fmla="*/ 1042 h 1376"/>
                <a:gd name="T110" fmla="*/ 140 w 1528"/>
                <a:gd name="T111" fmla="*/ 1098 h 1376"/>
                <a:gd name="T112" fmla="*/ 1204 w 1528"/>
                <a:gd name="T113" fmla="*/ 545 h 1376"/>
                <a:gd name="T114" fmla="*/ 217 w 1528"/>
                <a:gd name="T115" fmla="*/ 464 h 1376"/>
                <a:gd name="T116" fmla="*/ 237 w 1528"/>
                <a:gd name="T117" fmla="*/ 593 h 1376"/>
                <a:gd name="T118" fmla="*/ 283 w 1528"/>
                <a:gd name="T119" fmla="*/ 280 h 1376"/>
                <a:gd name="T120" fmla="*/ 1137 w 1528"/>
                <a:gd name="T121" fmla="*/ 421 h 1376"/>
                <a:gd name="T122" fmla="*/ 1161 w 1528"/>
                <a:gd name="T123" fmla="*/ 484 h 1376"/>
                <a:gd name="T124" fmla="*/ 1181 w 1528"/>
                <a:gd name="T125" fmla="*/ 658 h 13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528" h="1376">
                  <a:moveTo>
                    <a:pt x="561" y="30"/>
                  </a:moveTo>
                  <a:lnTo>
                    <a:pt x="561" y="30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1" y="30"/>
                  </a:lnTo>
                  <a:lnTo>
                    <a:pt x="561" y="30"/>
                  </a:lnTo>
                  <a:close/>
                  <a:moveTo>
                    <a:pt x="452" y="77"/>
                  </a:moveTo>
                  <a:lnTo>
                    <a:pt x="452" y="77"/>
                  </a:lnTo>
                  <a:lnTo>
                    <a:pt x="456" y="76"/>
                  </a:lnTo>
                  <a:lnTo>
                    <a:pt x="457" y="76"/>
                  </a:lnTo>
                  <a:lnTo>
                    <a:pt x="457" y="71"/>
                  </a:lnTo>
                  <a:lnTo>
                    <a:pt x="456" y="67"/>
                  </a:lnTo>
                  <a:lnTo>
                    <a:pt x="452" y="66"/>
                  </a:lnTo>
                  <a:lnTo>
                    <a:pt x="452" y="66"/>
                  </a:lnTo>
                  <a:lnTo>
                    <a:pt x="451" y="67"/>
                  </a:lnTo>
                  <a:lnTo>
                    <a:pt x="452" y="71"/>
                  </a:lnTo>
                  <a:lnTo>
                    <a:pt x="454" y="72"/>
                  </a:lnTo>
                  <a:lnTo>
                    <a:pt x="452" y="77"/>
                  </a:lnTo>
                  <a:lnTo>
                    <a:pt x="452" y="77"/>
                  </a:lnTo>
                  <a:close/>
                  <a:moveTo>
                    <a:pt x="1456" y="1175"/>
                  </a:moveTo>
                  <a:lnTo>
                    <a:pt x="1456" y="1175"/>
                  </a:lnTo>
                  <a:lnTo>
                    <a:pt x="1442" y="1144"/>
                  </a:lnTo>
                  <a:lnTo>
                    <a:pt x="1436" y="1127"/>
                  </a:lnTo>
                  <a:lnTo>
                    <a:pt x="1426" y="1111"/>
                  </a:lnTo>
                  <a:lnTo>
                    <a:pt x="1416" y="1095"/>
                  </a:lnTo>
                  <a:lnTo>
                    <a:pt x="1405" y="1081"/>
                  </a:lnTo>
                  <a:lnTo>
                    <a:pt x="1391" y="1070"/>
                  </a:lnTo>
                  <a:lnTo>
                    <a:pt x="1385" y="1067"/>
                  </a:lnTo>
                  <a:lnTo>
                    <a:pt x="1377" y="1063"/>
                  </a:lnTo>
                  <a:lnTo>
                    <a:pt x="1377" y="1063"/>
                  </a:lnTo>
                  <a:lnTo>
                    <a:pt x="1359" y="1057"/>
                  </a:lnTo>
                  <a:lnTo>
                    <a:pt x="1340" y="1048"/>
                  </a:lnTo>
                  <a:lnTo>
                    <a:pt x="1301" y="1032"/>
                  </a:lnTo>
                  <a:lnTo>
                    <a:pt x="1301" y="1032"/>
                  </a:lnTo>
                  <a:lnTo>
                    <a:pt x="1273" y="1022"/>
                  </a:lnTo>
                  <a:lnTo>
                    <a:pt x="1258" y="1016"/>
                  </a:lnTo>
                  <a:lnTo>
                    <a:pt x="1247" y="1009"/>
                  </a:lnTo>
                  <a:lnTo>
                    <a:pt x="1247" y="1009"/>
                  </a:lnTo>
                  <a:lnTo>
                    <a:pt x="1243" y="1009"/>
                  </a:lnTo>
                  <a:lnTo>
                    <a:pt x="1240" y="1012"/>
                  </a:lnTo>
                  <a:lnTo>
                    <a:pt x="1237" y="1012"/>
                  </a:lnTo>
                  <a:lnTo>
                    <a:pt x="1235" y="1011"/>
                  </a:lnTo>
                  <a:lnTo>
                    <a:pt x="1235" y="1011"/>
                  </a:lnTo>
                  <a:lnTo>
                    <a:pt x="1237" y="1011"/>
                  </a:lnTo>
                  <a:lnTo>
                    <a:pt x="1239" y="1009"/>
                  </a:lnTo>
                  <a:lnTo>
                    <a:pt x="1239" y="1007"/>
                  </a:lnTo>
                  <a:lnTo>
                    <a:pt x="1240" y="1006"/>
                  </a:lnTo>
                  <a:lnTo>
                    <a:pt x="1240" y="1006"/>
                  </a:lnTo>
                  <a:lnTo>
                    <a:pt x="1248" y="1006"/>
                  </a:lnTo>
                  <a:lnTo>
                    <a:pt x="1255" y="1004"/>
                  </a:lnTo>
                  <a:lnTo>
                    <a:pt x="1255" y="1004"/>
                  </a:lnTo>
                  <a:lnTo>
                    <a:pt x="1255" y="1002"/>
                  </a:lnTo>
                  <a:lnTo>
                    <a:pt x="1253" y="999"/>
                  </a:lnTo>
                  <a:lnTo>
                    <a:pt x="1252" y="997"/>
                  </a:lnTo>
                  <a:lnTo>
                    <a:pt x="1252" y="994"/>
                  </a:lnTo>
                  <a:lnTo>
                    <a:pt x="1245" y="994"/>
                  </a:lnTo>
                  <a:lnTo>
                    <a:pt x="1245" y="994"/>
                  </a:lnTo>
                  <a:lnTo>
                    <a:pt x="1245" y="997"/>
                  </a:lnTo>
                  <a:lnTo>
                    <a:pt x="1247" y="999"/>
                  </a:lnTo>
                  <a:lnTo>
                    <a:pt x="1248" y="1001"/>
                  </a:lnTo>
                  <a:lnTo>
                    <a:pt x="1247" y="1004"/>
                  </a:lnTo>
                  <a:lnTo>
                    <a:pt x="1247" y="1004"/>
                  </a:lnTo>
                  <a:lnTo>
                    <a:pt x="1245" y="1004"/>
                  </a:lnTo>
                  <a:lnTo>
                    <a:pt x="1242" y="1002"/>
                  </a:lnTo>
                  <a:lnTo>
                    <a:pt x="1240" y="1002"/>
                  </a:lnTo>
                  <a:lnTo>
                    <a:pt x="1239" y="1001"/>
                  </a:lnTo>
                  <a:lnTo>
                    <a:pt x="1239" y="1001"/>
                  </a:lnTo>
                  <a:lnTo>
                    <a:pt x="1237" y="1006"/>
                  </a:lnTo>
                  <a:lnTo>
                    <a:pt x="1235" y="1007"/>
                  </a:lnTo>
                  <a:lnTo>
                    <a:pt x="1234" y="1007"/>
                  </a:lnTo>
                  <a:lnTo>
                    <a:pt x="1234" y="1007"/>
                  </a:lnTo>
                  <a:lnTo>
                    <a:pt x="1229" y="994"/>
                  </a:lnTo>
                  <a:lnTo>
                    <a:pt x="1225" y="989"/>
                  </a:lnTo>
                  <a:lnTo>
                    <a:pt x="1219" y="986"/>
                  </a:lnTo>
                  <a:lnTo>
                    <a:pt x="1219" y="986"/>
                  </a:lnTo>
                  <a:lnTo>
                    <a:pt x="1222" y="983"/>
                  </a:lnTo>
                  <a:lnTo>
                    <a:pt x="1227" y="983"/>
                  </a:lnTo>
                  <a:lnTo>
                    <a:pt x="1237" y="984"/>
                  </a:lnTo>
                  <a:lnTo>
                    <a:pt x="1237" y="984"/>
                  </a:lnTo>
                  <a:lnTo>
                    <a:pt x="1237" y="974"/>
                  </a:lnTo>
                  <a:lnTo>
                    <a:pt x="1234" y="968"/>
                  </a:lnTo>
                  <a:lnTo>
                    <a:pt x="1234" y="968"/>
                  </a:lnTo>
                  <a:lnTo>
                    <a:pt x="1237" y="968"/>
                  </a:lnTo>
                  <a:lnTo>
                    <a:pt x="1237" y="966"/>
                  </a:lnTo>
                  <a:lnTo>
                    <a:pt x="1237" y="963"/>
                  </a:lnTo>
                  <a:lnTo>
                    <a:pt x="1235" y="960"/>
                  </a:lnTo>
                  <a:lnTo>
                    <a:pt x="1235" y="960"/>
                  </a:lnTo>
                  <a:lnTo>
                    <a:pt x="1234" y="963"/>
                  </a:lnTo>
                  <a:lnTo>
                    <a:pt x="1232" y="963"/>
                  </a:lnTo>
                  <a:lnTo>
                    <a:pt x="1232" y="963"/>
                  </a:lnTo>
                  <a:lnTo>
                    <a:pt x="1232" y="961"/>
                  </a:lnTo>
                  <a:lnTo>
                    <a:pt x="1234" y="958"/>
                  </a:lnTo>
                  <a:lnTo>
                    <a:pt x="1234" y="958"/>
                  </a:lnTo>
                  <a:lnTo>
                    <a:pt x="1229" y="958"/>
                  </a:lnTo>
                  <a:lnTo>
                    <a:pt x="1225" y="955"/>
                  </a:lnTo>
                  <a:lnTo>
                    <a:pt x="1220" y="948"/>
                  </a:lnTo>
                  <a:lnTo>
                    <a:pt x="1220" y="948"/>
                  </a:lnTo>
                  <a:lnTo>
                    <a:pt x="1225" y="946"/>
                  </a:lnTo>
                  <a:lnTo>
                    <a:pt x="1230" y="945"/>
                  </a:lnTo>
                  <a:lnTo>
                    <a:pt x="1234" y="943"/>
                  </a:lnTo>
                  <a:lnTo>
                    <a:pt x="1237" y="945"/>
                  </a:lnTo>
                  <a:lnTo>
                    <a:pt x="1237" y="945"/>
                  </a:lnTo>
                  <a:lnTo>
                    <a:pt x="1237" y="943"/>
                  </a:lnTo>
                  <a:lnTo>
                    <a:pt x="1235" y="941"/>
                  </a:lnTo>
                  <a:lnTo>
                    <a:pt x="1232" y="941"/>
                  </a:lnTo>
                  <a:lnTo>
                    <a:pt x="1230" y="940"/>
                  </a:lnTo>
                  <a:lnTo>
                    <a:pt x="1232" y="937"/>
                  </a:lnTo>
                  <a:lnTo>
                    <a:pt x="1232" y="937"/>
                  </a:lnTo>
                  <a:lnTo>
                    <a:pt x="1227" y="935"/>
                  </a:lnTo>
                  <a:lnTo>
                    <a:pt x="1224" y="935"/>
                  </a:lnTo>
                  <a:lnTo>
                    <a:pt x="1217" y="930"/>
                  </a:lnTo>
                  <a:lnTo>
                    <a:pt x="1217" y="930"/>
                  </a:lnTo>
                  <a:lnTo>
                    <a:pt x="1219" y="928"/>
                  </a:lnTo>
                  <a:lnTo>
                    <a:pt x="1217" y="925"/>
                  </a:lnTo>
                  <a:lnTo>
                    <a:pt x="1215" y="918"/>
                  </a:lnTo>
                  <a:lnTo>
                    <a:pt x="1215" y="910"/>
                  </a:lnTo>
                  <a:lnTo>
                    <a:pt x="1215" y="909"/>
                  </a:lnTo>
                  <a:lnTo>
                    <a:pt x="1219" y="907"/>
                  </a:lnTo>
                  <a:lnTo>
                    <a:pt x="1219" y="907"/>
                  </a:lnTo>
                  <a:lnTo>
                    <a:pt x="1217" y="904"/>
                  </a:lnTo>
                  <a:lnTo>
                    <a:pt x="1215" y="902"/>
                  </a:lnTo>
                  <a:lnTo>
                    <a:pt x="1211" y="899"/>
                  </a:lnTo>
                  <a:lnTo>
                    <a:pt x="1211" y="899"/>
                  </a:lnTo>
                  <a:lnTo>
                    <a:pt x="1207" y="907"/>
                  </a:lnTo>
                  <a:lnTo>
                    <a:pt x="1206" y="909"/>
                  </a:lnTo>
                  <a:lnTo>
                    <a:pt x="1202" y="912"/>
                  </a:lnTo>
                  <a:lnTo>
                    <a:pt x="1202" y="912"/>
                  </a:lnTo>
                  <a:lnTo>
                    <a:pt x="1199" y="907"/>
                  </a:lnTo>
                  <a:lnTo>
                    <a:pt x="1196" y="904"/>
                  </a:lnTo>
                  <a:lnTo>
                    <a:pt x="1196" y="904"/>
                  </a:lnTo>
                  <a:lnTo>
                    <a:pt x="1197" y="902"/>
                  </a:lnTo>
                  <a:lnTo>
                    <a:pt x="1199" y="899"/>
                  </a:lnTo>
                  <a:lnTo>
                    <a:pt x="1199" y="897"/>
                  </a:lnTo>
                  <a:lnTo>
                    <a:pt x="1202" y="895"/>
                  </a:lnTo>
                  <a:lnTo>
                    <a:pt x="1202" y="895"/>
                  </a:lnTo>
                  <a:lnTo>
                    <a:pt x="1217" y="897"/>
                  </a:lnTo>
                  <a:lnTo>
                    <a:pt x="1224" y="897"/>
                  </a:lnTo>
                  <a:lnTo>
                    <a:pt x="1234" y="895"/>
                  </a:lnTo>
                  <a:lnTo>
                    <a:pt x="1234" y="895"/>
                  </a:lnTo>
                  <a:lnTo>
                    <a:pt x="1234" y="892"/>
                  </a:lnTo>
                  <a:lnTo>
                    <a:pt x="1235" y="890"/>
                  </a:lnTo>
                  <a:lnTo>
                    <a:pt x="1235" y="890"/>
                  </a:lnTo>
                  <a:lnTo>
                    <a:pt x="1227" y="886"/>
                  </a:lnTo>
                  <a:lnTo>
                    <a:pt x="1224" y="884"/>
                  </a:lnTo>
                  <a:lnTo>
                    <a:pt x="1224" y="879"/>
                  </a:lnTo>
                  <a:lnTo>
                    <a:pt x="1224" y="879"/>
                  </a:lnTo>
                  <a:lnTo>
                    <a:pt x="1227" y="879"/>
                  </a:lnTo>
                  <a:lnTo>
                    <a:pt x="1230" y="879"/>
                  </a:lnTo>
                  <a:lnTo>
                    <a:pt x="1234" y="877"/>
                  </a:lnTo>
                  <a:lnTo>
                    <a:pt x="1235" y="876"/>
                  </a:lnTo>
                  <a:lnTo>
                    <a:pt x="1234" y="874"/>
                  </a:lnTo>
                  <a:lnTo>
                    <a:pt x="1234" y="874"/>
                  </a:lnTo>
                  <a:lnTo>
                    <a:pt x="1229" y="877"/>
                  </a:lnTo>
                  <a:lnTo>
                    <a:pt x="1222" y="879"/>
                  </a:lnTo>
                  <a:lnTo>
                    <a:pt x="1217" y="877"/>
                  </a:lnTo>
                  <a:lnTo>
                    <a:pt x="1212" y="876"/>
                  </a:lnTo>
                  <a:lnTo>
                    <a:pt x="1212" y="876"/>
                  </a:lnTo>
                  <a:lnTo>
                    <a:pt x="1215" y="871"/>
                  </a:lnTo>
                  <a:lnTo>
                    <a:pt x="1217" y="869"/>
                  </a:lnTo>
                  <a:lnTo>
                    <a:pt x="1214" y="867"/>
                  </a:lnTo>
                  <a:lnTo>
                    <a:pt x="1214" y="867"/>
                  </a:lnTo>
                  <a:lnTo>
                    <a:pt x="1214" y="869"/>
                  </a:lnTo>
                  <a:lnTo>
                    <a:pt x="1212" y="871"/>
                  </a:lnTo>
                  <a:lnTo>
                    <a:pt x="1207" y="871"/>
                  </a:lnTo>
                  <a:lnTo>
                    <a:pt x="1204" y="869"/>
                  </a:lnTo>
                  <a:lnTo>
                    <a:pt x="1201" y="869"/>
                  </a:lnTo>
                  <a:lnTo>
                    <a:pt x="1201" y="869"/>
                  </a:lnTo>
                  <a:lnTo>
                    <a:pt x="1206" y="864"/>
                  </a:lnTo>
                  <a:lnTo>
                    <a:pt x="1211" y="859"/>
                  </a:lnTo>
                  <a:lnTo>
                    <a:pt x="1211" y="859"/>
                  </a:lnTo>
                  <a:lnTo>
                    <a:pt x="1209" y="856"/>
                  </a:lnTo>
                  <a:lnTo>
                    <a:pt x="1207" y="853"/>
                  </a:lnTo>
                  <a:lnTo>
                    <a:pt x="1209" y="851"/>
                  </a:lnTo>
                  <a:lnTo>
                    <a:pt x="1207" y="848"/>
                  </a:lnTo>
                  <a:lnTo>
                    <a:pt x="1207" y="848"/>
                  </a:lnTo>
                  <a:lnTo>
                    <a:pt x="1206" y="849"/>
                  </a:lnTo>
                  <a:lnTo>
                    <a:pt x="1204" y="848"/>
                  </a:lnTo>
                  <a:lnTo>
                    <a:pt x="1202" y="844"/>
                  </a:lnTo>
                  <a:lnTo>
                    <a:pt x="1201" y="843"/>
                  </a:lnTo>
                  <a:lnTo>
                    <a:pt x="1201" y="843"/>
                  </a:lnTo>
                  <a:lnTo>
                    <a:pt x="1199" y="846"/>
                  </a:lnTo>
                  <a:lnTo>
                    <a:pt x="1199" y="846"/>
                  </a:lnTo>
                  <a:lnTo>
                    <a:pt x="1199" y="844"/>
                  </a:lnTo>
                  <a:lnTo>
                    <a:pt x="1199" y="844"/>
                  </a:lnTo>
                  <a:lnTo>
                    <a:pt x="1199" y="843"/>
                  </a:lnTo>
                  <a:lnTo>
                    <a:pt x="1201" y="841"/>
                  </a:lnTo>
                  <a:lnTo>
                    <a:pt x="1202" y="841"/>
                  </a:lnTo>
                  <a:lnTo>
                    <a:pt x="1202" y="838"/>
                  </a:lnTo>
                  <a:lnTo>
                    <a:pt x="1202" y="834"/>
                  </a:lnTo>
                  <a:lnTo>
                    <a:pt x="1202" y="834"/>
                  </a:lnTo>
                  <a:lnTo>
                    <a:pt x="1199" y="834"/>
                  </a:lnTo>
                  <a:lnTo>
                    <a:pt x="1197" y="834"/>
                  </a:lnTo>
                  <a:lnTo>
                    <a:pt x="1197" y="833"/>
                  </a:lnTo>
                  <a:lnTo>
                    <a:pt x="1197" y="833"/>
                  </a:lnTo>
                  <a:lnTo>
                    <a:pt x="1199" y="831"/>
                  </a:lnTo>
                  <a:lnTo>
                    <a:pt x="1197" y="830"/>
                  </a:lnTo>
                  <a:lnTo>
                    <a:pt x="1197" y="828"/>
                  </a:lnTo>
                  <a:lnTo>
                    <a:pt x="1199" y="828"/>
                  </a:lnTo>
                  <a:lnTo>
                    <a:pt x="1199" y="828"/>
                  </a:lnTo>
                  <a:lnTo>
                    <a:pt x="1204" y="826"/>
                  </a:lnTo>
                  <a:lnTo>
                    <a:pt x="1207" y="828"/>
                  </a:lnTo>
                  <a:lnTo>
                    <a:pt x="1215" y="831"/>
                  </a:lnTo>
                  <a:lnTo>
                    <a:pt x="1222" y="833"/>
                  </a:lnTo>
                  <a:lnTo>
                    <a:pt x="1225" y="833"/>
                  </a:lnTo>
                  <a:lnTo>
                    <a:pt x="1230" y="833"/>
                  </a:lnTo>
                  <a:lnTo>
                    <a:pt x="1230" y="833"/>
                  </a:lnTo>
                  <a:lnTo>
                    <a:pt x="1225" y="830"/>
                  </a:lnTo>
                  <a:lnTo>
                    <a:pt x="1224" y="826"/>
                  </a:lnTo>
                  <a:lnTo>
                    <a:pt x="1224" y="826"/>
                  </a:lnTo>
                  <a:lnTo>
                    <a:pt x="1229" y="816"/>
                  </a:lnTo>
                  <a:lnTo>
                    <a:pt x="1234" y="805"/>
                  </a:lnTo>
                  <a:lnTo>
                    <a:pt x="1234" y="805"/>
                  </a:lnTo>
                  <a:lnTo>
                    <a:pt x="1232" y="805"/>
                  </a:lnTo>
                  <a:lnTo>
                    <a:pt x="1230" y="805"/>
                  </a:lnTo>
                  <a:lnTo>
                    <a:pt x="1229" y="802"/>
                  </a:lnTo>
                  <a:lnTo>
                    <a:pt x="1229" y="802"/>
                  </a:lnTo>
                  <a:lnTo>
                    <a:pt x="1225" y="805"/>
                  </a:lnTo>
                  <a:lnTo>
                    <a:pt x="1222" y="808"/>
                  </a:lnTo>
                  <a:lnTo>
                    <a:pt x="1220" y="811"/>
                  </a:lnTo>
                  <a:lnTo>
                    <a:pt x="1215" y="813"/>
                  </a:lnTo>
                  <a:lnTo>
                    <a:pt x="1215" y="813"/>
                  </a:lnTo>
                  <a:lnTo>
                    <a:pt x="1212" y="811"/>
                  </a:lnTo>
                  <a:lnTo>
                    <a:pt x="1211" y="811"/>
                  </a:lnTo>
                  <a:lnTo>
                    <a:pt x="1207" y="813"/>
                  </a:lnTo>
                  <a:lnTo>
                    <a:pt x="1202" y="813"/>
                  </a:lnTo>
                  <a:lnTo>
                    <a:pt x="1202" y="813"/>
                  </a:lnTo>
                  <a:lnTo>
                    <a:pt x="1202" y="807"/>
                  </a:lnTo>
                  <a:lnTo>
                    <a:pt x="1202" y="802"/>
                  </a:lnTo>
                  <a:lnTo>
                    <a:pt x="1202" y="797"/>
                  </a:lnTo>
                  <a:lnTo>
                    <a:pt x="1201" y="795"/>
                  </a:lnTo>
                  <a:lnTo>
                    <a:pt x="1199" y="795"/>
                  </a:lnTo>
                  <a:lnTo>
                    <a:pt x="1199" y="795"/>
                  </a:lnTo>
                  <a:lnTo>
                    <a:pt x="1197" y="803"/>
                  </a:lnTo>
                  <a:lnTo>
                    <a:pt x="1196" y="807"/>
                  </a:lnTo>
                  <a:lnTo>
                    <a:pt x="1192" y="808"/>
                  </a:lnTo>
                  <a:lnTo>
                    <a:pt x="1191" y="808"/>
                  </a:lnTo>
                  <a:lnTo>
                    <a:pt x="1191" y="808"/>
                  </a:lnTo>
                  <a:lnTo>
                    <a:pt x="1192" y="803"/>
                  </a:lnTo>
                  <a:lnTo>
                    <a:pt x="1191" y="798"/>
                  </a:lnTo>
                  <a:lnTo>
                    <a:pt x="1191" y="793"/>
                  </a:lnTo>
                  <a:lnTo>
                    <a:pt x="1192" y="788"/>
                  </a:lnTo>
                  <a:lnTo>
                    <a:pt x="1192" y="788"/>
                  </a:lnTo>
                  <a:lnTo>
                    <a:pt x="1192" y="790"/>
                  </a:lnTo>
                  <a:lnTo>
                    <a:pt x="1192" y="792"/>
                  </a:lnTo>
                  <a:lnTo>
                    <a:pt x="1197" y="793"/>
                  </a:lnTo>
                  <a:lnTo>
                    <a:pt x="1201" y="792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199" y="787"/>
                  </a:lnTo>
                  <a:lnTo>
                    <a:pt x="1197" y="783"/>
                  </a:lnTo>
                  <a:lnTo>
                    <a:pt x="1196" y="770"/>
                  </a:lnTo>
                  <a:lnTo>
                    <a:pt x="1196" y="747"/>
                  </a:lnTo>
                  <a:lnTo>
                    <a:pt x="1196" y="747"/>
                  </a:lnTo>
                  <a:lnTo>
                    <a:pt x="1196" y="749"/>
                  </a:lnTo>
                  <a:lnTo>
                    <a:pt x="1199" y="751"/>
                  </a:lnTo>
                  <a:lnTo>
                    <a:pt x="1199" y="751"/>
                  </a:lnTo>
                  <a:lnTo>
                    <a:pt x="1199" y="737"/>
                  </a:lnTo>
                  <a:lnTo>
                    <a:pt x="1202" y="724"/>
                  </a:lnTo>
                  <a:lnTo>
                    <a:pt x="1204" y="711"/>
                  </a:lnTo>
                  <a:lnTo>
                    <a:pt x="1202" y="698"/>
                  </a:lnTo>
                  <a:lnTo>
                    <a:pt x="1202" y="698"/>
                  </a:lnTo>
                  <a:lnTo>
                    <a:pt x="1207" y="696"/>
                  </a:lnTo>
                  <a:lnTo>
                    <a:pt x="1209" y="695"/>
                  </a:lnTo>
                  <a:lnTo>
                    <a:pt x="1209" y="693"/>
                  </a:lnTo>
                  <a:lnTo>
                    <a:pt x="1209" y="693"/>
                  </a:lnTo>
                  <a:lnTo>
                    <a:pt x="1206" y="693"/>
                  </a:lnTo>
                  <a:lnTo>
                    <a:pt x="1204" y="695"/>
                  </a:lnTo>
                  <a:lnTo>
                    <a:pt x="1202" y="696"/>
                  </a:lnTo>
                  <a:lnTo>
                    <a:pt x="1199" y="696"/>
                  </a:lnTo>
                  <a:lnTo>
                    <a:pt x="1199" y="696"/>
                  </a:lnTo>
                  <a:lnTo>
                    <a:pt x="1194" y="690"/>
                  </a:lnTo>
                  <a:lnTo>
                    <a:pt x="1192" y="688"/>
                  </a:lnTo>
                  <a:lnTo>
                    <a:pt x="1191" y="683"/>
                  </a:lnTo>
                  <a:lnTo>
                    <a:pt x="1191" y="683"/>
                  </a:lnTo>
                  <a:lnTo>
                    <a:pt x="1192" y="685"/>
                  </a:lnTo>
                  <a:lnTo>
                    <a:pt x="1194" y="685"/>
                  </a:lnTo>
                  <a:lnTo>
                    <a:pt x="1197" y="683"/>
                  </a:lnTo>
                  <a:lnTo>
                    <a:pt x="1201" y="685"/>
                  </a:lnTo>
                  <a:lnTo>
                    <a:pt x="1201" y="685"/>
                  </a:lnTo>
                  <a:lnTo>
                    <a:pt x="1201" y="678"/>
                  </a:lnTo>
                  <a:lnTo>
                    <a:pt x="1201" y="676"/>
                  </a:lnTo>
                  <a:lnTo>
                    <a:pt x="1199" y="675"/>
                  </a:lnTo>
                  <a:lnTo>
                    <a:pt x="1199" y="675"/>
                  </a:lnTo>
                  <a:lnTo>
                    <a:pt x="1197" y="678"/>
                  </a:lnTo>
                  <a:lnTo>
                    <a:pt x="1197" y="678"/>
                  </a:lnTo>
                  <a:lnTo>
                    <a:pt x="1196" y="680"/>
                  </a:lnTo>
                  <a:lnTo>
                    <a:pt x="1196" y="680"/>
                  </a:lnTo>
                  <a:lnTo>
                    <a:pt x="1194" y="668"/>
                  </a:lnTo>
                  <a:lnTo>
                    <a:pt x="1192" y="660"/>
                  </a:lnTo>
                  <a:lnTo>
                    <a:pt x="1189" y="652"/>
                  </a:lnTo>
                  <a:lnTo>
                    <a:pt x="1183" y="642"/>
                  </a:lnTo>
                  <a:lnTo>
                    <a:pt x="1183" y="642"/>
                  </a:lnTo>
                  <a:lnTo>
                    <a:pt x="1186" y="644"/>
                  </a:lnTo>
                  <a:lnTo>
                    <a:pt x="1188" y="645"/>
                  </a:lnTo>
                  <a:lnTo>
                    <a:pt x="1189" y="647"/>
                  </a:lnTo>
                  <a:lnTo>
                    <a:pt x="1194" y="647"/>
                  </a:lnTo>
                  <a:lnTo>
                    <a:pt x="1194" y="647"/>
                  </a:lnTo>
                  <a:lnTo>
                    <a:pt x="1192" y="644"/>
                  </a:lnTo>
                  <a:lnTo>
                    <a:pt x="1191" y="640"/>
                  </a:lnTo>
                  <a:lnTo>
                    <a:pt x="1189" y="637"/>
                  </a:lnTo>
                  <a:lnTo>
                    <a:pt x="1191" y="634"/>
                  </a:lnTo>
                  <a:lnTo>
                    <a:pt x="1191" y="634"/>
                  </a:lnTo>
                  <a:lnTo>
                    <a:pt x="1196" y="634"/>
                  </a:lnTo>
                  <a:lnTo>
                    <a:pt x="1197" y="632"/>
                  </a:lnTo>
                  <a:lnTo>
                    <a:pt x="1197" y="630"/>
                  </a:lnTo>
                  <a:lnTo>
                    <a:pt x="1197" y="630"/>
                  </a:lnTo>
                  <a:lnTo>
                    <a:pt x="1196" y="629"/>
                  </a:lnTo>
                  <a:lnTo>
                    <a:pt x="1196" y="625"/>
                  </a:lnTo>
                  <a:lnTo>
                    <a:pt x="1196" y="617"/>
                  </a:lnTo>
                  <a:lnTo>
                    <a:pt x="1194" y="611"/>
                  </a:lnTo>
                  <a:lnTo>
                    <a:pt x="1192" y="607"/>
                  </a:lnTo>
                  <a:lnTo>
                    <a:pt x="1191" y="606"/>
                  </a:lnTo>
                  <a:lnTo>
                    <a:pt x="1191" y="606"/>
                  </a:lnTo>
                  <a:lnTo>
                    <a:pt x="1189" y="607"/>
                  </a:lnTo>
                  <a:lnTo>
                    <a:pt x="1189" y="609"/>
                  </a:lnTo>
                  <a:lnTo>
                    <a:pt x="1188" y="611"/>
                  </a:lnTo>
                  <a:lnTo>
                    <a:pt x="1188" y="612"/>
                  </a:lnTo>
                  <a:lnTo>
                    <a:pt x="1188" y="612"/>
                  </a:lnTo>
                  <a:lnTo>
                    <a:pt x="1189" y="612"/>
                  </a:lnTo>
                  <a:lnTo>
                    <a:pt x="1191" y="614"/>
                  </a:lnTo>
                  <a:lnTo>
                    <a:pt x="1192" y="616"/>
                  </a:lnTo>
                  <a:lnTo>
                    <a:pt x="1191" y="621"/>
                  </a:lnTo>
                  <a:lnTo>
                    <a:pt x="1191" y="624"/>
                  </a:lnTo>
                  <a:lnTo>
                    <a:pt x="1191" y="624"/>
                  </a:lnTo>
                  <a:lnTo>
                    <a:pt x="1178" y="611"/>
                  </a:lnTo>
                  <a:lnTo>
                    <a:pt x="1174" y="604"/>
                  </a:lnTo>
                  <a:lnTo>
                    <a:pt x="1174" y="602"/>
                  </a:lnTo>
                  <a:lnTo>
                    <a:pt x="1176" y="599"/>
                  </a:lnTo>
                  <a:lnTo>
                    <a:pt x="1176" y="599"/>
                  </a:lnTo>
                  <a:lnTo>
                    <a:pt x="1174" y="597"/>
                  </a:lnTo>
                  <a:lnTo>
                    <a:pt x="1171" y="597"/>
                  </a:lnTo>
                  <a:lnTo>
                    <a:pt x="1169" y="596"/>
                  </a:lnTo>
                  <a:lnTo>
                    <a:pt x="1168" y="594"/>
                  </a:lnTo>
                  <a:lnTo>
                    <a:pt x="1168" y="594"/>
                  </a:lnTo>
                  <a:lnTo>
                    <a:pt x="1171" y="593"/>
                  </a:lnTo>
                  <a:lnTo>
                    <a:pt x="1173" y="594"/>
                  </a:lnTo>
                  <a:lnTo>
                    <a:pt x="1176" y="596"/>
                  </a:lnTo>
                  <a:lnTo>
                    <a:pt x="1178" y="597"/>
                  </a:lnTo>
                  <a:lnTo>
                    <a:pt x="1179" y="597"/>
                  </a:lnTo>
                  <a:lnTo>
                    <a:pt x="1179" y="597"/>
                  </a:lnTo>
                  <a:lnTo>
                    <a:pt x="1179" y="593"/>
                  </a:lnTo>
                  <a:lnTo>
                    <a:pt x="1178" y="591"/>
                  </a:lnTo>
                  <a:lnTo>
                    <a:pt x="1178" y="589"/>
                  </a:lnTo>
                  <a:lnTo>
                    <a:pt x="1176" y="586"/>
                  </a:lnTo>
                  <a:lnTo>
                    <a:pt x="1176" y="586"/>
                  </a:lnTo>
                  <a:lnTo>
                    <a:pt x="1181" y="589"/>
                  </a:lnTo>
                  <a:lnTo>
                    <a:pt x="1184" y="593"/>
                  </a:lnTo>
                  <a:lnTo>
                    <a:pt x="1196" y="597"/>
                  </a:lnTo>
                  <a:lnTo>
                    <a:pt x="1204" y="602"/>
                  </a:lnTo>
                  <a:lnTo>
                    <a:pt x="1207" y="607"/>
                  </a:lnTo>
                  <a:lnTo>
                    <a:pt x="1209" y="612"/>
                  </a:lnTo>
                  <a:lnTo>
                    <a:pt x="1209" y="612"/>
                  </a:lnTo>
                  <a:lnTo>
                    <a:pt x="1211" y="611"/>
                  </a:lnTo>
                  <a:lnTo>
                    <a:pt x="1209" y="609"/>
                  </a:lnTo>
                  <a:lnTo>
                    <a:pt x="1207" y="604"/>
                  </a:lnTo>
                  <a:lnTo>
                    <a:pt x="1207" y="599"/>
                  </a:lnTo>
                  <a:lnTo>
                    <a:pt x="1207" y="597"/>
                  </a:lnTo>
                  <a:lnTo>
                    <a:pt x="1209" y="596"/>
                  </a:lnTo>
                  <a:lnTo>
                    <a:pt x="1209" y="596"/>
                  </a:lnTo>
                  <a:lnTo>
                    <a:pt x="1207" y="594"/>
                  </a:lnTo>
                  <a:lnTo>
                    <a:pt x="1206" y="594"/>
                  </a:lnTo>
                  <a:lnTo>
                    <a:pt x="1202" y="597"/>
                  </a:lnTo>
                  <a:lnTo>
                    <a:pt x="1202" y="597"/>
                  </a:lnTo>
                  <a:lnTo>
                    <a:pt x="1201" y="591"/>
                  </a:lnTo>
                  <a:lnTo>
                    <a:pt x="1199" y="586"/>
                  </a:lnTo>
                  <a:lnTo>
                    <a:pt x="1199" y="586"/>
                  </a:lnTo>
                  <a:lnTo>
                    <a:pt x="1202" y="588"/>
                  </a:lnTo>
                  <a:lnTo>
                    <a:pt x="1202" y="586"/>
                  </a:lnTo>
                  <a:lnTo>
                    <a:pt x="1204" y="583"/>
                  </a:lnTo>
                  <a:lnTo>
                    <a:pt x="1204" y="581"/>
                  </a:lnTo>
                  <a:lnTo>
                    <a:pt x="1204" y="581"/>
                  </a:lnTo>
                  <a:lnTo>
                    <a:pt x="1206" y="583"/>
                  </a:lnTo>
                  <a:lnTo>
                    <a:pt x="1207" y="584"/>
                  </a:lnTo>
                  <a:lnTo>
                    <a:pt x="1209" y="584"/>
                  </a:lnTo>
                  <a:lnTo>
                    <a:pt x="1209" y="586"/>
                  </a:lnTo>
                  <a:lnTo>
                    <a:pt x="1209" y="586"/>
                  </a:lnTo>
                  <a:lnTo>
                    <a:pt x="1212" y="607"/>
                  </a:lnTo>
                  <a:lnTo>
                    <a:pt x="1214" y="617"/>
                  </a:lnTo>
                  <a:lnTo>
                    <a:pt x="1217" y="624"/>
                  </a:lnTo>
                  <a:lnTo>
                    <a:pt x="1217" y="624"/>
                  </a:lnTo>
                  <a:lnTo>
                    <a:pt x="1222" y="617"/>
                  </a:lnTo>
                  <a:lnTo>
                    <a:pt x="1224" y="611"/>
                  </a:lnTo>
                  <a:lnTo>
                    <a:pt x="1224" y="604"/>
                  </a:lnTo>
                  <a:lnTo>
                    <a:pt x="1224" y="602"/>
                  </a:lnTo>
                  <a:lnTo>
                    <a:pt x="1220" y="601"/>
                  </a:lnTo>
                  <a:lnTo>
                    <a:pt x="1220" y="601"/>
                  </a:lnTo>
                  <a:lnTo>
                    <a:pt x="1220" y="599"/>
                  </a:lnTo>
                  <a:lnTo>
                    <a:pt x="1222" y="597"/>
                  </a:lnTo>
                  <a:lnTo>
                    <a:pt x="1224" y="596"/>
                  </a:lnTo>
                  <a:lnTo>
                    <a:pt x="1224" y="594"/>
                  </a:lnTo>
                  <a:lnTo>
                    <a:pt x="1224" y="594"/>
                  </a:lnTo>
                  <a:lnTo>
                    <a:pt x="1220" y="593"/>
                  </a:lnTo>
                  <a:lnTo>
                    <a:pt x="1219" y="591"/>
                  </a:lnTo>
                  <a:lnTo>
                    <a:pt x="1219" y="583"/>
                  </a:lnTo>
                  <a:lnTo>
                    <a:pt x="1220" y="568"/>
                  </a:lnTo>
                  <a:lnTo>
                    <a:pt x="1220" y="568"/>
                  </a:lnTo>
                  <a:lnTo>
                    <a:pt x="1215" y="565"/>
                  </a:lnTo>
                  <a:lnTo>
                    <a:pt x="1214" y="561"/>
                  </a:lnTo>
                  <a:lnTo>
                    <a:pt x="1211" y="548"/>
                  </a:lnTo>
                  <a:lnTo>
                    <a:pt x="1207" y="537"/>
                  </a:lnTo>
                  <a:lnTo>
                    <a:pt x="1204" y="532"/>
                  </a:lnTo>
                  <a:lnTo>
                    <a:pt x="1201" y="528"/>
                  </a:lnTo>
                  <a:lnTo>
                    <a:pt x="1201" y="528"/>
                  </a:lnTo>
                  <a:lnTo>
                    <a:pt x="1201" y="523"/>
                  </a:lnTo>
                  <a:lnTo>
                    <a:pt x="1204" y="520"/>
                  </a:lnTo>
                  <a:lnTo>
                    <a:pt x="1204" y="520"/>
                  </a:lnTo>
                  <a:lnTo>
                    <a:pt x="1211" y="523"/>
                  </a:lnTo>
                  <a:lnTo>
                    <a:pt x="1212" y="525"/>
                  </a:lnTo>
                  <a:lnTo>
                    <a:pt x="1214" y="523"/>
                  </a:lnTo>
                  <a:lnTo>
                    <a:pt x="1214" y="523"/>
                  </a:lnTo>
                  <a:lnTo>
                    <a:pt x="1202" y="509"/>
                  </a:lnTo>
                  <a:lnTo>
                    <a:pt x="1196" y="502"/>
                  </a:lnTo>
                  <a:lnTo>
                    <a:pt x="1191" y="500"/>
                  </a:lnTo>
                  <a:lnTo>
                    <a:pt x="1186" y="499"/>
                  </a:lnTo>
                  <a:lnTo>
                    <a:pt x="1186" y="499"/>
                  </a:lnTo>
                  <a:lnTo>
                    <a:pt x="1189" y="499"/>
                  </a:lnTo>
                  <a:lnTo>
                    <a:pt x="1191" y="497"/>
                  </a:lnTo>
                  <a:lnTo>
                    <a:pt x="1191" y="495"/>
                  </a:lnTo>
                  <a:lnTo>
                    <a:pt x="1191" y="495"/>
                  </a:lnTo>
                  <a:lnTo>
                    <a:pt x="1186" y="497"/>
                  </a:lnTo>
                  <a:lnTo>
                    <a:pt x="1183" y="497"/>
                  </a:lnTo>
                  <a:lnTo>
                    <a:pt x="1179" y="497"/>
                  </a:lnTo>
                  <a:lnTo>
                    <a:pt x="1176" y="495"/>
                  </a:lnTo>
                  <a:lnTo>
                    <a:pt x="1176" y="495"/>
                  </a:lnTo>
                  <a:lnTo>
                    <a:pt x="1179" y="494"/>
                  </a:lnTo>
                  <a:lnTo>
                    <a:pt x="1183" y="494"/>
                  </a:lnTo>
                  <a:lnTo>
                    <a:pt x="1184" y="492"/>
                  </a:lnTo>
                  <a:lnTo>
                    <a:pt x="1184" y="487"/>
                  </a:lnTo>
                  <a:lnTo>
                    <a:pt x="1184" y="487"/>
                  </a:lnTo>
                  <a:lnTo>
                    <a:pt x="1181" y="489"/>
                  </a:lnTo>
                  <a:lnTo>
                    <a:pt x="1179" y="487"/>
                  </a:lnTo>
                  <a:lnTo>
                    <a:pt x="1178" y="481"/>
                  </a:lnTo>
                  <a:lnTo>
                    <a:pt x="1176" y="472"/>
                  </a:lnTo>
                  <a:lnTo>
                    <a:pt x="1173" y="466"/>
                  </a:lnTo>
                  <a:lnTo>
                    <a:pt x="1173" y="466"/>
                  </a:lnTo>
                  <a:lnTo>
                    <a:pt x="1181" y="463"/>
                  </a:lnTo>
                  <a:lnTo>
                    <a:pt x="1184" y="461"/>
                  </a:lnTo>
                  <a:lnTo>
                    <a:pt x="1184" y="459"/>
                  </a:lnTo>
                  <a:lnTo>
                    <a:pt x="1183" y="458"/>
                  </a:lnTo>
                  <a:lnTo>
                    <a:pt x="1183" y="458"/>
                  </a:lnTo>
                  <a:lnTo>
                    <a:pt x="1179" y="461"/>
                  </a:lnTo>
                  <a:lnTo>
                    <a:pt x="1174" y="461"/>
                  </a:lnTo>
                  <a:lnTo>
                    <a:pt x="1174" y="461"/>
                  </a:lnTo>
                  <a:lnTo>
                    <a:pt x="1169" y="458"/>
                  </a:lnTo>
                  <a:lnTo>
                    <a:pt x="1168" y="454"/>
                  </a:lnTo>
                  <a:lnTo>
                    <a:pt x="1166" y="451"/>
                  </a:lnTo>
                  <a:lnTo>
                    <a:pt x="1166" y="451"/>
                  </a:lnTo>
                  <a:lnTo>
                    <a:pt x="1169" y="453"/>
                  </a:lnTo>
                  <a:lnTo>
                    <a:pt x="1169" y="454"/>
                  </a:lnTo>
                  <a:lnTo>
                    <a:pt x="1169" y="456"/>
                  </a:lnTo>
                  <a:lnTo>
                    <a:pt x="1171" y="456"/>
                  </a:lnTo>
                  <a:lnTo>
                    <a:pt x="1171" y="456"/>
                  </a:lnTo>
                  <a:lnTo>
                    <a:pt x="1171" y="448"/>
                  </a:lnTo>
                  <a:lnTo>
                    <a:pt x="1171" y="436"/>
                  </a:lnTo>
                  <a:lnTo>
                    <a:pt x="1171" y="431"/>
                  </a:lnTo>
                  <a:lnTo>
                    <a:pt x="1169" y="428"/>
                  </a:lnTo>
                  <a:lnTo>
                    <a:pt x="1168" y="425"/>
                  </a:lnTo>
                  <a:lnTo>
                    <a:pt x="1163" y="425"/>
                  </a:lnTo>
                  <a:lnTo>
                    <a:pt x="1163" y="425"/>
                  </a:lnTo>
                  <a:lnTo>
                    <a:pt x="1168" y="428"/>
                  </a:lnTo>
                  <a:lnTo>
                    <a:pt x="1169" y="433"/>
                  </a:lnTo>
                  <a:lnTo>
                    <a:pt x="1168" y="436"/>
                  </a:lnTo>
                  <a:lnTo>
                    <a:pt x="1166" y="439"/>
                  </a:lnTo>
                  <a:lnTo>
                    <a:pt x="1163" y="443"/>
                  </a:lnTo>
                  <a:lnTo>
                    <a:pt x="1158" y="443"/>
                  </a:lnTo>
                  <a:lnTo>
                    <a:pt x="1155" y="443"/>
                  </a:lnTo>
                  <a:lnTo>
                    <a:pt x="1150" y="439"/>
                  </a:lnTo>
                  <a:lnTo>
                    <a:pt x="1150" y="439"/>
                  </a:lnTo>
                  <a:lnTo>
                    <a:pt x="1151" y="436"/>
                  </a:lnTo>
                  <a:lnTo>
                    <a:pt x="1151" y="431"/>
                  </a:lnTo>
                  <a:lnTo>
                    <a:pt x="1151" y="428"/>
                  </a:lnTo>
                  <a:lnTo>
                    <a:pt x="1153" y="425"/>
                  </a:lnTo>
                  <a:lnTo>
                    <a:pt x="1153" y="425"/>
                  </a:lnTo>
                  <a:lnTo>
                    <a:pt x="1156" y="425"/>
                  </a:lnTo>
                  <a:lnTo>
                    <a:pt x="1160" y="426"/>
                  </a:lnTo>
                  <a:lnTo>
                    <a:pt x="1160" y="426"/>
                  </a:lnTo>
                  <a:lnTo>
                    <a:pt x="1156" y="421"/>
                  </a:lnTo>
                  <a:lnTo>
                    <a:pt x="1153" y="418"/>
                  </a:lnTo>
                  <a:lnTo>
                    <a:pt x="1150" y="416"/>
                  </a:lnTo>
                  <a:lnTo>
                    <a:pt x="1146" y="416"/>
                  </a:lnTo>
                  <a:lnTo>
                    <a:pt x="1146" y="416"/>
                  </a:lnTo>
                  <a:lnTo>
                    <a:pt x="1148" y="413"/>
                  </a:lnTo>
                  <a:lnTo>
                    <a:pt x="1146" y="411"/>
                  </a:lnTo>
                  <a:lnTo>
                    <a:pt x="1145" y="407"/>
                  </a:lnTo>
                  <a:lnTo>
                    <a:pt x="1145" y="407"/>
                  </a:lnTo>
                  <a:lnTo>
                    <a:pt x="1141" y="408"/>
                  </a:lnTo>
                  <a:lnTo>
                    <a:pt x="1141" y="410"/>
                  </a:lnTo>
                  <a:lnTo>
                    <a:pt x="1140" y="413"/>
                  </a:lnTo>
                  <a:lnTo>
                    <a:pt x="1138" y="415"/>
                  </a:lnTo>
                  <a:lnTo>
                    <a:pt x="1138" y="415"/>
                  </a:lnTo>
                  <a:lnTo>
                    <a:pt x="1137" y="413"/>
                  </a:lnTo>
                  <a:lnTo>
                    <a:pt x="1133" y="411"/>
                  </a:lnTo>
                  <a:lnTo>
                    <a:pt x="1130" y="411"/>
                  </a:lnTo>
                  <a:lnTo>
                    <a:pt x="1127" y="407"/>
                  </a:lnTo>
                  <a:lnTo>
                    <a:pt x="1127" y="407"/>
                  </a:lnTo>
                  <a:lnTo>
                    <a:pt x="1128" y="398"/>
                  </a:lnTo>
                  <a:lnTo>
                    <a:pt x="1128" y="392"/>
                  </a:lnTo>
                  <a:lnTo>
                    <a:pt x="1125" y="379"/>
                  </a:lnTo>
                  <a:lnTo>
                    <a:pt x="1125" y="379"/>
                  </a:lnTo>
                  <a:lnTo>
                    <a:pt x="1123" y="379"/>
                  </a:lnTo>
                  <a:lnTo>
                    <a:pt x="1120" y="379"/>
                  </a:lnTo>
                  <a:lnTo>
                    <a:pt x="1118" y="377"/>
                  </a:lnTo>
                  <a:lnTo>
                    <a:pt x="1118" y="374"/>
                  </a:lnTo>
                  <a:lnTo>
                    <a:pt x="1118" y="374"/>
                  </a:lnTo>
                  <a:lnTo>
                    <a:pt x="1120" y="375"/>
                  </a:lnTo>
                  <a:lnTo>
                    <a:pt x="1120" y="375"/>
                  </a:lnTo>
                  <a:lnTo>
                    <a:pt x="1122" y="374"/>
                  </a:lnTo>
                  <a:lnTo>
                    <a:pt x="1123" y="372"/>
                  </a:lnTo>
                  <a:lnTo>
                    <a:pt x="1123" y="372"/>
                  </a:lnTo>
                  <a:lnTo>
                    <a:pt x="1122" y="369"/>
                  </a:lnTo>
                  <a:lnTo>
                    <a:pt x="1118" y="367"/>
                  </a:lnTo>
                  <a:lnTo>
                    <a:pt x="1115" y="364"/>
                  </a:lnTo>
                  <a:lnTo>
                    <a:pt x="1117" y="359"/>
                  </a:lnTo>
                  <a:lnTo>
                    <a:pt x="1117" y="359"/>
                  </a:lnTo>
                  <a:lnTo>
                    <a:pt x="1123" y="362"/>
                  </a:lnTo>
                  <a:lnTo>
                    <a:pt x="1127" y="364"/>
                  </a:lnTo>
                  <a:lnTo>
                    <a:pt x="1130" y="364"/>
                  </a:lnTo>
                  <a:lnTo>
                    <a:pt x="1130" y="364"/>
                  </a:lnTo>
                  <a:lnTo>
                    <a:pt x="1130" y="360"/>
                  </a:lnTo>
                  <a:lnTo>
                    <a:pt x="1130" y="359"/>
                  </a:lnTo>
                  <a:lnTo>
                    <a:pt x="1130" y="359"/>
                  </a:lnTo>
                  <a:lnTo>
                    <a:pt x="1127" y="359"/>
                  </a:lnTo>
                  <a:lnTo>
                    <a:pt x="1127" y="359"/>
                  </a:lnTo>
                  <a:lnTo>
                    <a:pt x="1128" y="356"/>
                  </a:lnTo>
                  <a:lnTo>
                    <a:pt x="1132" y="356"/>
                  </a:lnTo>
                  <a:lnTo>
                    <a:pt x="1133" y="354"/>
                  </a:lnTo>
                  <a:lnTo>
                    <a:pt x="1133" y="351"/>
                  </a:lnTo>
                  <a:lnTo>
                    <a:pt x="1133" y="351"/>
                  </a:lnTo>
                  <a:lnTo>
                    <a:pt x="1125" y="351"/>
                  </a:lnTo>
                  <a:lnTo>
                    <a:pt x="1122" y="351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4"/>
                  </a:lnTo>
                  <a:lnTo>
                    <a:pt x="1120" y="354"/>
                  </a:lnTo>
                  <a:lnTo>
                    <a:pt x="1118" y="352"/>
                  </a:lnTo>
                  <a:lnTo>
                    <a:pt x="1117" y="352"/>
                  </a:lnTo>
                  <a:lnTo>
                    <a:pt x="1115" y="352"/>
                  </a:lnTo>
                  <a:lnTo>
                    <a:pt x="1115" y="351"/>
                  </a:lnTo>
                  <a:lnTo>
                    <a:pt x="1115" y="351"/>
                  </a:lnTo>
                  <a:lnTo>
                    <a:pt x="1115" y="349"/>
                  </a:lnTo>
                  <a:lnTo>
                    <a:pt x="1117" y="347"/>
                  </a:lnTo>
                  <a:lnTo>
                    <a:pt x="1118" y="346"/>
                  </a:lnTo>
                  <a:lnTo>
                    <a:pt x="1117" y="346"/>
                  </a:lnTo>
                  <a:lnTo>
                    <a:pt x="1117" y="346"/>
                  </a:lnTo>
                  <a:lnTo>
                    <a:pt x="1114" y="349"/>
                  </a:lnTo>
                  <a:lnTo>
                    <a:pt x="1112" y="351"/>
                  </a:lnTo>
                  <a:lnTo>
                    <a:pt x="1110" y="351"/>
                  </a:lnTo>
                  <a:lnTo>
                    <a:pt x="1110" y="351"/>
                  </a:lnTo>
                  <a:lnTo>
                    <a:pt x="1110" y="347"/>
                  </a:lnTo>
                  <a:lnTo>
                    <a:pt x="1109" y="347"/>
                  </a:lnTo>
                  <a:lnTo>
                    <a:pt x="1105" y="346"/>
                  </a:lnTo>
                  <a:lnTo>
                    <a:pt x="1105" y="344"/>
                  </a:lnTo>
                  <a:lnTo>
                    <a:pt x="1105" y="344"/>
                  </a:lnTo>
                  <a:lnTo>
                    <a:pt x="1105" y="339"/>
                  </a:lnTo>
                  <a:lnTo>
                    <a:pt x="1107" y="336"/>
                  </a:lnTo>
                  <a:lnTo>
                    <a:pt x="1107" y="336"/>
                  </a:lnTo>
                  <a:lnTo>
                    <a:pt x="1102" y="332"/>
                  </a:lnTo>
                  <a:lnTo>
                    <a:pt x="1100" y="331"/>
                  </a:lnTo>
                  <a:lnTo>
                    <a:pt x="1099" y="329"/>
                  </a:lnTo>
                  <a:lnTo>
                    <a:pt x="1099" y="329"/>
                  </a:lnTo>
                  <a:lnTo>
                    <a:pt x="1099" y="326"/>
                  </a:lnTo>
                  <a:lnTo>
                    <a:pt x="1100" y="324"/>
                  </a:lnTo>
                  <a:lnTo>
                    <a:pt x="1102" y="324"/>
                  </a:lnTo>
                  <a:lnTo>
                    <a:pt x="1104" y="326"/>
                  </a:lnTo>
                  <a:lnTo>
                    <a:pt x="1104" y="326"/>
                  </a:lnTo>
                  <a:lnTo>
                    <a:pt x="1104" y="323"/>
                  </a:lnTo>
                  <a:lnTo>
                    <a:pt x="1102" y="319"/>
                  </a:lnTo>
                  <a:lnTo>
                    <a:pt x="1100" y="318"/>
                  </a:lnTo>
                  <a:lnTo>
                    <a:pt x="1104" y="316"/>
                  </a:lnTo>
                  <a:lnTo>
                    <a:pt x="1104" y="316"/>
                  </a:lnTo>
                  <a:lnTo>
                    <a:pt x="1104" y="318"/>
                  </a:lnTo>
                  <a:lnTo>
                    <a:pt x="1105" y="319"/>
                  </a:lnTo>
                  <a:lnTo>
                    <a:pt x="1109" y="318"/>
                  </a:lnTo>
                  <a:lnTo>
                    <a:pt x="1109" y="318"/>
                  </a:lnTo>
                  <a:lnTo>
                    <a:pt x="1107" y="321"/>
                  </a:lnTo>
                  <a:lnTo>
                    <a:pt x="1107" y="323"/>
                  </a:lnTo>
                  <a:lnTo>
                    <a:pt x="1109" y="324"/>
                  </a:lnTo>
                  <a:lnTo>
                    <a:pt x="1109" y="324"/>
                  </a:lnTo>
                  <a:lnTo>
                    <a:pt x="1109" y="321"/>
                  </a:lnTo>
                  <a:lnTo>
                    <a:pt x="1109" y="319"/>
                  </a:lnTo>
                  <a:lnTo>
                    <a:pt x="1112" y="319"/>
                  </a:lnTo>
                  <a:lnTo>
                    <a:pt x="1115" y="318"/>
                  </a:lnTo>
                  <a:lnTo>
                    <a:pt x="1117" y="316"/>
                  </a:lnTo>
                  <a:lnTo>
                    <a:pt x="1117" y="316"/>
                  </a:lnTo>
                  <a:lnTo>
                    <a:pt x="1110" y="314"/>
                  </a:lnTo>
                  <a:lnTo>
                    <a:pt x="1107" y="311"/>
                  </a:lnTo>
                  <a:lnTo>
                    <a:pt x="1100" y="304"/>
                  </a:lnTo>
                  <a:lnTo>
                    <a:pt x="1100" y="304"/>
                  </a:lnTo>
                  <a:lnTo>
                    <a:pt x="1104" y="304"/>
                  </a:lnTo>
                  <a:lnTo>
                    <a:pt x="1105" y="306"/>
                  </a:lnTo>
                  <a:lnTo>
                    <a:pt x="1107" y="306"/>
                  </a:lnTo>
                  <a:lnTo>
                    <a:pt x="1107" y="303"/>
                  </a:lnTo>
                  <a:lnTo>
                    <a:pt x="1107" y="303"/>
                  </a:lnTo>
                  <a:lnTo>
                    <a:pt x="1104" y="301"/>
                  </a:lnTo>
                  <a:lnTo>
                    <a:pt x="1100" y="301"/>
                  </a:lnTo>
                  <a:lnTo>
                    <a:pt x="1097" y="301"/>
                  </a:lnTo>
                  <a:lnTo>
                    <a:pt x="1095" y="300"/>
                  </a:lnTo>
                  <a:lnTo>
                    <a:pt x="1095" y="300"/>
                  </a:lnTo>
                  <a:lnTo>
                    <a:pt x="1094" y="296"/>
                  </a:lnTo>
                  <a:lnTo>
                    <a:pt x="1094" y="293"/>
                  </a:lnTo>
                  <a:lnTo>
                    <a:pt x="1094" y="293"/>
                  </a:lnTo>
                  <a:lnTo>
                    <a:pt x="1097" y="295"/>
                  </a:lnTo>
                  <a:lnTo>
                    <a:pt x="1100" y="295"/>
                  </a:lnTo>
                  <a:lnTo>
                    <a:pt x="1100" y="293"/>
                  </a:lnTo>
                  <a:lnTo>
                    <a:pt x="1100" y="293"/>
                  </a:lnTo>
                  <a:lnTo>
                    <a:pt x="1099" y="291"/>
                  </a:lnTo>
                  <a:lnTo>
                    <a:pt x="1097" y="288"/>
                  </a:lnTo>
                  <a:lnTo>
                    <a:pt x="1097" y="280"/>
                  </a:lnTo>
                  <a:lnTo>
                    <a:pt x="1099" y="272"/>
                  </a:lnTo>
                  <a:lnTo>
                    <a:pt x="1097" y="268"/>
                  </a:lnTo>
                  <a:lnTo>
                    <a:pt x="1095" y="265"/>
                  </a:lnTo>
                  <a:lnTo>
                    <a:pt x="1095" y="265"/>
                  </a:lnTo>
                  <a:lnTo>
                    <a:pt x="1095" y="268"/>
                  </a:lnTo>
                  <a:lnTo>
                    <a:pt x="1094" y="267"/>
                  </a:lnTo>
                  <a:lnTo>
                    <a:pt x="1092" y="267"/>
                  </a:lnTo>
                  <a:lnTo>
                    <a:pt x="1090" y="268"/>
                  </a:lnTo>
                  <a:lnTo>
                    <a:pt x="1090" y="268"/>
                  </a:lnTo>
                  <a:lnTo>
                    <a:pt x="1094" y="270"/>
                  </a:lnTo>
                  <a:lnTo>
                    <a:pt x="1094" y="273"/>
                  </a:lnTo>
                  <a:lnTo>
                    <a:pt x="1094" y="278"/>
                  </a:lnTo>
                  <a:lnTo>
                    <a:pt x="1092" y="283"/>
                  </a:lnTo>
                  <a:lnTo>
                    <a:pt x="1092" y="283"/>
                  </a:lnTo>
                  <a:lnTo>
                    <a:pt x="1092" y="277"/>
                  </a:lnTo>
                  <a:lnTo>
                    <a:pt x="1090" y="273"/>
                  </a:lnTo>
                  <a:lnTo>
                    <a:pt x="1087" y="265"/>
                  </a:lnTo>
                  <a:lnTo>
                    <a:pt x="1087" y="265"/>
                  </a:lnTo>
                  <a:lnTo>
                    <a:pt x="1092" y="262"/>
                  </a:lnTo>
                  <a:lnTo>
                    <a:pt x="1092" y="262"/>
                  </a:lnTo>
                  <a:lnTo>
                    <a:pt x="1087" y="257"/>
                  </a:lnTo>
                  <a:lnTo>
                    <a:pt x="1082" y="250"/>
                  </a:lnTo>
                  <a:lnTo>
                    <a:pt x="1074" y="239"/>
                  </a:lnTo>
                  <a:lnTo>
                    <a:pt x="1074" y="239"/>
                  </a:lnTo>
                  <a:lnTo>
                    <a:pt x="1074" y="245"/>
                  </a:lnTo>
                  <a:lnTo>
                    <a:pt x="1077" y="252"/>
                  </a:lnTo>
                  <a:lnTo>
                    <a:pt x="1079" y="258"/>
                  </a:lnTo>
                  <a:lnTo>
                    <a:pt x="1079" y="260"/>
                  </a:lnTo>
                  <a:lnTo>
                    <a:pt x="1079" y="263"/>
                  </a:lnTo>
                  <a:lnTo>
                    <a:pt x="1079" y="263"/>
                  </a:lnTo>
                  <a:lnTo>
                    <a:pt x="1071" y="255"/>
                  </a:lnTo>
                  <a:lnTo>
                    <a:pt x="1066" y="245"/>
                  </a:lnTo>
                  <a:lnTo>
                    <a:pt x="1066" y="245"/>
                  </a:lnTo>
                  <a:lnTo>
                    <a:pt x="1066" y="249"/>
                  </a:lnTo>
                  <a:lnTo>
                    <a:pt x="1066" y="250"/>
                  </a:lnTo>
                  <a:lnTo>
                    <a:pt x="1067" y="252"/>
                  </a:lnTo>
                  <a:lnTo>
                    <a:pt x="1066" y="252"/>
                  </a:lnTo>
                  <a:lnTo>
                    <a:pt x="1066" y="252"/>
                  </a:lnTo>
                  <a:lnTo>
                    <a:pt x="1064" y="250"/>
                  </a:lnTo>
                  <a:lnTo>
                    <a:pt x="1064" y="249"/>
                  </a:lnTo>
                  <a:lnTo>
                    <a:pt x="1063" y="249"/>
                  </a:lnTo>
                  <a:lnTo>
                    <a:pt x="1061" y="245"/>
                  </a:lnTo>
                  <a:lnTo>
                    <a:pt x="1061" y="245"/>
                  </a:lnTo>
                  <a:lnTo>
                    <a:pt x="1064" y="245"/>
                  </a:lnTo>
                  <a:lnTo>
                    <a:pt x="1066" y="242"/>
                  </a:lnTo>
                  <a:lnTo>
                    <a:pt x="1066" y="242"/>
                  </a:lnTo>
                  <a:lnTo>
                    <a:pt x="1064" y="242"/>
                  </a:lnTo>
                  <a:lnTo>
                    <a:pt x="1063" y="240"/>
                  </a:lnTo>
                  <a:lnTo>
                    <a:pt x="1061" y="237"/>
                  </a:lnTo>
                  <a:lnTo>
                    <a:pt x="1061" y="237"/>
                  </a:lnTo>
                  <a:lnTo>
                    <a:pt x="1064" y="237"/>
                  </a:lnTo>
                  <a:lnTo>
                    <a:pt x="1066" y="239"/>
                  </a:lnTo>
                  <a:lnTo>
                    <a:pt x="1066" y="239"/>
                  </a:lnTo>
                  <a:lnTo>
                    <a:pt x="1064" y="232"/>
                  </a:lnTo>
                  <a:lnTo>
                    <a:pt x="1066" y="227"/>
                  </a:lnTo>
                  <a:lnTo>
                    <a:pt x="1066" y="227"/>
                  </a:lnTo>
                  <a:lnTo>
                    <a:pt x="1061" y="222"/>
                  </a:lnTo>
                  <a:lnTo>
                    <a:pt x="1054" y="219"/>
                  </a:lnTo>
                  <a:lnTo>
                    <a:pt x="1049" y="216"/>
                  </a:lnTo>
                  <a:lnTo>
                    <a:pt x="1048" y="212"/>
                  </a:lnTo>
                  <a:lnTo>
                    <a:pt x="1046" y="207"/>
                  </a:lnTo>
                  <a:lnTo>
                    <a:pt x="1046" y="207"/>
                  </a:lnTo>
                  <a:lnTo>
                    <a:pt x="1041" y="209"/>
                  </a:lnTo>
                  <a:lnTo>
                    <a:pt x="1040" y="209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40" y="204"/>
                  </a:lnTo>
                  <a:lnTo>
                    <a:pt x="1041" y="204"/>
                  </a:lnTo>
                  <a:lnTo>
                    <a:pt x="1041" y="204"/>
                  </a:lnTo>
                  <a:lnTo>
                    <a:pt x="1031" y="199"/>
                  </a:lnTo>
                  <a:lnTo>
                    <a:pt x="1028" y="198"/>
                  </a:lnTo>
                  <a:lnTo>
                    <a:pt x="1025" y="194"/>
                  </a:lnTo>
                  <a:lnTo>
                    <a:pt x="1025" y="194"/>
                  </a:lnTo>
                  <a:lnTo>
                    <a:pt x="1023" y="199"/>
                  </a:lnTo>
                  <a:lnTo>
                    <a:pt x="1021" y="202"/>
                  </a:lnTo>
                  <a:lnTo>
                    <a:pt x="1021" y="202"/>
                  </a:lnTo>
                  <a:lnTo>
                    <a:pt x="1018" y="196"/>
                  </a:lnTo>
                  <a:lnTo>
                    <a:pt x="1016" y="191"/>
                  </a:lnTo>
                  <a:lnTo>
                    <a:pt x="1015" y="189"/>
                  </a:lnTo>
                  <a:lnTo>
                    <a:pt x="1013" y="188"/>
                  </a:lnTo>
                  <a:lnTo>
                    <a:pt x="1012" y="188"/>
                  </a:lnTo>
                  <a:lnTo>
                    <a:pt x="1007" y="189"/>
                  </a:lnTo>
                  <a:lnTo>
                    <a:pt x="1007" y="189"/>
                  </a:lnTo>
                  <a:lnTo>
                    <a:pt x="1008" y="181"/>
                  </a:lnTo>
                  <a:lnTo>
                    <a:pt x="1007" y="178"/>
                  </a:lnTo>
                  <a:lnTo>
                    <a:pt x="1005" y="176"/>
                  </a:lnTo>
                  <a:lnTo>
                    <a:pt x="1005" y="170"/>
                  </a:lnTo>
                  <a:lnTo>
                    <a:pt x="1005" y="170"/>
                  </a:lnTo>
                  <a:lnTo>
                    <a:pt x="1003" y="170"/>
                  </a:lnTo>
                  <a:lnTo>
                    <a:pt x="1003" y="171"/>
                  </a:lnTo>
                  <a:lnTo>
                    <a:pt x="1003" y="174"/>
                  </a:lnTo>
                  <a:lnTo>
                    <a:pt x="1002" y="174"/>
                  </a:lnTo>
                  <a:lnTo>
                    <a:pt x="1002" y="174"/>
                  </a:lnTo>
                  <a:lnTo>
                    <a:pt x="1003" y="166"/>
                  </a:lnTo>
                  <a:lnTo>
                    <a:pt x="1002" y="160"/>
                  </a:lnTo>
                  <a:lnTo>
                    <a:pt x="1002" y="151"/>
                  </a:lnTo>
                  <a:lnTo>
                    <a:pt x="1005" y="143"/>
                  </a:lnTo>
                  <a:lnTo>
                    <a:pt x="1005" y="143"/>
                  </a:lnTo>
                  <a:lnTo>
                    <a:pt x="1002" y="142"/>
                  </a:lnTo>
                  <a:lnTo>
                    <a:pt x="998" y="138"/>
                  </a:lnTo>
                  <a:lnTo>
                    <a:pt x="997" y="135"/>
                  </a:lnTo>
                  <a:lnTo>
                    <a:pt x="993" y="133"/>
                  </a:lnTo>
                  <a:lnTo>
                    <a:pt x="993" y="133"/>
                  </a:lnTo>
                  <a:lnTo>
                    <a:pt x="992" y="135"/>
                  </a:lnTo>
                  <a:lnTo>
                    <a:pt x="992" y="137"/>
                  </a:lnTo>
                  <a:lnTo>
                    <a:pt x="993" y="138"/>
                  </a:lnTo>
                  <a:lnTo>
                    <a:pt x="995" y="142"/>
                  </a:lnTo>
                  <a:lnTo>
                    <a:pt x="995" y="142"/>
                  </a:lnTo>
                  <a:lnTo>
                    <a:pt x="993" y="143"/>
                  </a:lnTo>
                  <a:lnTo>
                    <a:pt x="993" y="143"/>
                  </a:lnTo>
                  <a:lnTo>
                    <a:pt x="990" y="140"/>
                  </a:lnTo>
                  <a:lnTo>
                    <a:pt x="987" y="138"/>
                  </a:lnTo>
                  <a:lnTo>
                    <a:pt x="984" y="137"/>
                  </a:lnTo>
                  <a:lnTo>
                    <a:pt x="980" y="132"/>
                  </a:lnTo>
                  <a:lnTo>
                    <a:pt x="980" y="132"/>
                  </a:lnTo>
                  <a:lnTo>
                    <a:pt x="984" y="132"/>
                  </a:lnTo>
                  <a:lnTo>
                    <a:pt x="985" y="130"/>
                  </a:lnTo>
                  <a:lnTo>
                    <a:pt x="984" y="127"/>
                  </a:lnTo>
                  <a:lnTo>
                    <a:pt x="980" y="122"/>
                  </a:lnTo>
                  <a:lnTo>
                    <a:pt x="977" y="115"/>
                  </a:lnTo>
                  <a:lnTo>
                    <a:pt x="977" y="115"/>
                  </a:lnTo>
                  <a:lnTo>
                    <a:pt x="974" y="114"/>
                  </a:lnTo>
                  <a:lnTo>
                    <a:pt x="972" y="115"/>
                  </a:lnTo>
                  <a:lnTo>
                    <a:pt x="970" y="114"/>
                  </a:lnTo>
                  <a:lnTo>
                    <a:pt x="967" y="112"/>
                  </a:lnTo>
                  <a:lnTo>
                    <a:pt x="967" y="112"/>
                  </a:lnTo>
                  <a:lnTo>
                    <a:pt x="967" y="109"/>
                  </a:lnTo>
                  <a:lnTo>
                    <a:pt x="969" y="107"/>
                  </a:lnTo>
                  <a:lnTo>
                    <a:pt x="970" y="104"/>
                  </a:lnTo>
                  <a:lnTo>
                    <a:pt x="970" y="104"/>
                  </a:lnTo>
                  <a:lnTo>
                    <a:pt x="967" y="100"/>
                  </a:lnTo>
                  <a:lnTo>
                    <a:pt x="962" y="99"/>
                  </a:lnTo>
                  <a:lnTo>
                    <a:pt x="956" y="99"/>
                  </a:lnTo>
                  <a:lnTo>
                    <a:pt x="954" y="99"/>
                  </a:lnTo>
                  <a:lnTo>
                    <a:pt x="951" y="102"/>
                  </a:lnTo>
                  <a:lnTo>
                    <a:pt x="951" y="102"/>
                  </a:lnTo>
                  <a:lnTo>
                    <a:pt x="944" y="95"/>
                  </a:lnTo>
                  <a:lnTo>
                    <a:pt x="938" y="91"/>
                  </a:lnTo>
                  <a:lnTo>
                    <a:pt x="938" y="91"/>
                  </a:lnTo>
                  <a:lnTo>
                    <a:pt x="934" y="95"/>
                  </a:lnTo>
                  <a:lnTo>
                    <a:pt x="934" y="95"/>
                  </a:lnTo>
                  <a:lnTo>
                    <a:pt x="931" y="91"/>
                  </a:lnTo>
                  <a:lnTo>
                    <a:pt x="929" y="89"/>
                  </a:lnTo>
                  <a:lnTo>
                    <a:pt x="926" y="87"/>
                  </a:lnTo>
                  <a:lnTo>
                    <a:pt x="926" y="87"/>
                  </a:lnTo>
                  <a:lnTo>
                    <a:pt x="924" y="81"/>
                  </a:lnTo>
                  <a:lnTo>
                    <a:pt x="921" y="76"/>
                  </a:lnTo>
                  <a:lnTo>
                    <a:pt x="916" y="71"/>
                  </a:lnTo>
                  <a:lnTo>
                    <a:pt x="910" y="67"/>
                  </a:lnTo>
                  <a:lnTo>
                    <a:pt x="896" y="61"/>
                  </a:lnTo>
                  <a:lnTo>
                    <a:pt x="883" y="54"/>
                  </a:lnTo>
                  <a:lnTo>
                    <a:pt x="883" y="54"/>
                  </a:lnTo>
                  <a:lnTo>
                    <a:pt x="882" y="56"/>
                  </a:lnTo>
                  <a:lnTo>
                    <a:pt x="882" y="58"/>
                  </a:lnTo>
                  <a:lnTo>
                    <a:pt x="882" y="61"/>
                  </a:lnTo>
                  <a:lnTo>
                    <a:pt x="880" y="61"/>
                  </a:lnTo>
                  <a:lnTo>
                    <a:pt x="880" y="61"/>
                  </a:lnTo>
                  <a:lnTo>
                    <a:pt x="878" y="58"/>
                  </a:lnTo>
                  <a:lnTo>
                    <a:pt x="875" y="54"/>
                  </a:lnTo>
                  <a:lnTo>
                    <a:pt x="872" y="54"/>
                  </a:lnTo>
                  <a:lnTo>
                    <a:pt x="870" y="56"/>
                  </a:lnTo>
                  <a:lnTo>
                    <a:pt x="870" y="56"/>
                  </a:lnTo>
                  <a:lnTo>
                    <a:pt x="868" y="53"/>
                  </a:lnTo>
                  <a:lnTo>
                    <a:pt x="867" y="51"/>
                  </a:lnTo>
                  <a:lnTo>
                    <a:pt x="865" y="51"/>
                  </a:lnTo>
                  <a:lnTo>
                    <a:pt x="862" y="51"/>
                  </a:lnTo>
                  <a:lnTo>
                    <a:pt x="862" y="51"/>
                  </a:lnTo>
                  <a:lnTo>
                    <a:pt x="862" y="49"/>
                  </a:lnTo>
                  <a:lnTo>
                    <a:pt x="860" y="48"/>
                  </a:lnTo>
                  <a:lnTo>
                    <a:pt x="860" y="46"/>
                  </a:lnTo>
                  <a:lnTo>
                    <a:pt x="860" y="44"/>
                  </a:lnTo>
                  <a:lnTo>
                    <a:pt x="860" y="44"/>
                  </a:lnTo>
                  <a:lnTo>
                    <a:pt x="852" y="41"/>
                  </a:lnTo>
                  <a:lnTo>
                    <a:pt x="845" y="38"/>
                  </a:lnTo>
                  <a:lnTo>
                    <a:pt x="834" y="31"/>
                  </a:lnTo>
                  <a:lnTo>
                    <a:pt x="822" y="25"/>
                  </a:lnTo>
                  <a:lnTo>
                    <a:pt x="816" y="21"/>
                  </a:lnTo>
                  <a:lnTo>
                    <a:pt x="809" y="20"/>
                  </a:lnTo>
                  <a:lnTo>
                    <a:pt x="809" y="20"/>
                  </a:lnTo>
                  <a:lnTo>
                    <a:pt x="803" y="20"/>
                  </a:lnTo>
                  <a:lnTo>
                    <a:pt x="794" y="21"/>
                  </a:lnTo>
                  <a:lnTo>
                    <a:pt x="778" y="25"/>
                  </a:lnTo>
                  <a:lnTo>
                    <a:pt x="778" y="25"/>
                  </a:lnTo>
                  <a:lnTo>
                    <a:pt x="776" y="25"/>
                  </a:lnTo>
                  <a:lnTo>
                    <a:pt x="776" y="23"/>
                  </a:lnTo>
                  <a:lnTo>
                    <a:pt x="773" y="21"/>
                  </a:lnTo>
                  <a:lnTo>
                    <a:pt x="773" y="21"/>
                  </a:lnTo>
                  <a:lnTo>
                    <a:pt x="765" y="23"/>
                  </a:lnTo>
                  <a:lnTo>
                    <a:pt x="757" y="25"/>
                  </a:lnTo>
                  <a:lnTo>
                    <a:pt x="752" y="25"/>
                  </a:lnTo>
                  <a:lnTo>
                    <a:pt x="748" y="23"/>
                  </a:lnTo>
                  <a:lnTo>
                    <a:pt x="745" y="20"/>
                  </a:lnTo>
                  <a:lnTo>
                    <a:pt x="742" y="15"/>
                  </a:lnTo>
                  <a:lnTo>
                    <a:pt x="742" y="15"/>
                  </a:lnTo>
                  <a:lnTo>
                    <a:pt x="735" y="15"/>
                  </a:lnTo>
                  <a:lnTo>
                    <a:pt x="727" y="13"/>
                  </a:lnTo>
                  <a:lnTo>
                    <a:pt x="720" y="10"/>
                  </a:lnTo>
                  <a:lnTo>
                    <a:pt x="719" y="7"/>
                  </a:lnTo>
                  <a:lnTo>
                    <a:pt x="717" y="3"/>
                  </a:lnTo>
                  <a:lnTo>
                    <a:pt x="717" y="3"/>
                  </a:lnTo>
                  <a:lnTo>
                    <a:pt x="712" y="3"/>
                  </a:lnTo>
                  <a:lnTo>
                    <a:pt x="709" y="5"/>
                  </a:lnTo>
                  <a:lnTo>
                    <a:pt x="706" y="8"/>
                  </a:lnTo>
                  <a:lnTo>
                    <a:pt x="702" y="8"/>
                  </a:lnTo>
                  <a:lnTo>
                    <a:pt x="702" y="8"/>
                  </a:lnTo>
                  <a:lnTo>
                    <a:pt x="696" y="5"/>
                  </a:lnTo>
                  <a:lnTo>
                    <a:pt x="691" y="2"/>
                  </a:lnTo>
                  <a:lnTo>
                    <a:pt x="684" y="0"/>
                  </a:lnTo>
                  <a:lnTo>
                    <a:pt x="679" y="0"/>
                  </a:lnTo>
                  <a:lnTo>
                    <a:pt x="668" y="2"/>
                  </a:lnTo>
                  <a:lnTo>
                    <a:pt x="658" y="5"/>
                  </a:lnTo>
                  <a:lnTo>
                    <a:pt x="648" y="10"/>
                  </a:lnTo>
                  <a:lnTo>
                    <a:pt x="637" y="13"/>
                  </a:lnTo>
                  <a:lnTo>
                    <a:pt x="625" y="16"/>
                  </a:lnTo>
                  <a:lnTo>
                    <a:pt x="620" y="15"/>
                  </a:lnTo>
                  <a:lnTo>
                    <a:pt x="614" y="13"/>
                  </a:lnTo>
                  <a:lnTo>
                    <a:pt x="614" y="13"/>
                  </a:lnTo>
                  <a:lnTo>
                    <a:pt x="614" y="16"/>
                  </a:lnTo>
                  <a:lnTo>
                    <a:pt x="612" y="18"/>
                  </a:lnTo>
                  <a:lnTo>
                    <a:pt x="607" y="18"/>
                  </a:lnTo>
                  <a:lnTo>
                    <a:pt x="600" y="18"/>
                  </a:lnTo>
                  <a:lnTo>
                    <a:pt x="599" y="20"/>
                  </a:lnTo>
                  <a:lnTo>
                    <a:pt x="599" y="21"/>
                  </a:lnTo>
                  <a:lnTo>
                    <a:pt x="599" y="21"/>
                  </a:lnTo>
                  <a:lnTo>
                    <a:pt x="594" y="18"/>
                  </a:lnTo>
                  <a:lnTo>
                    <a:pt x="589" y="16"/>
                  </a:lnTo>
                  <a:lnTo>
                    <a:pt x="584" y="16"/>
                  </a:lnTo>
                  <a:lnTo>
                    <a:pt x="579" y="16"/>
                  </a:lnTo>
                  <a:lnTo>
                    <a:pt x="569" y="21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3" y="28"/>
                  </a:lnTo>
                  <a:lnTo>
                    <a:pt x="564" y="30"/>
                  </a:lnTo>
                  <a:lnTo>
                    <a:pt x="564" y="30"/>
                  </a:lnTo>
                  <a:lnTo>
                    <a:pt x="563" y="31"/>
                  </a:lnTo>
                  <a:lnTo>
                    <a:pt x="563" y="31"/>
                  </a:lnTo>
                  <a:lnTo>
                    <a:pt x="558" y="33"/>
                  </a:lnTo>
                  <a:lnTo>
                    <a:pt x="554" y="33"/>
                  </a:lnTo>
                  <a:lnTo>
                    <a:pt x="553" y="35"/>
                  </a:lnTo>
                  <a:lnTo>
                    <a:pt x="553" y="36"/>
                  </a:lnTo>
                  <a:lnTo>
                    <a:pt x="553" y="36"/>
                  </a:lnTo>
                  <a:lnTo>
                    <a:pt x="549" y="33"/>
                  </a:lnTo>
                  <a:lnTo>
                    <a:pt x="546" y="33"/>
                  </a:lnTo>
                  <a:lnTo>
                    <a:pt x="541" y="33"/>
                  </a:lnTo>
                  <a:lnTo>
                    <a:pt x="539" y="31"/>
                  </a:lnTo>
                  <a:lnTo>
                    <a:pt x="538" y="30"/>
                  </a:lnTo>
                  <a:lnTo>
                    <a:pt x="538" y="30"/>
                  </a:lnTo>
                  <a:lnTo>
                    <a:pt x="535" y="35"/>
                  </a:lnTo>
                  <a:lnTo>
                    <a:pt x="530" y="40"/>
                  </a:lnTo>
                  <a:lnTo>
                    <a:pt x="526" y="43"/>
                  </a:lnTo>
                  <a:lnTo>
                    <a:pt x="523" y="48"/>
                  </a:lnTo>
                  <a:lnTo>
                    <a:pt x="523" y="48"/>
                  </a:lnTo>
                  <a:lnTo>
                    <a:pt x="520" y="48"/>
                  </a:lnTo>
                  <a:lnTo>
                    <a:pt x="518" y="48"/>
                  </a:lnTo>
                  <a:lnTo>
                    <a:pt x="518" y="48"/>
                  </a:lnTo>
                  <a:lnTo>
                    <a:pt x="520" y="49"/>
                  </a:lnTo>
                  <a:lnTo>
                    <a:pt x="521" y="49"/>
                  </a:lnTo>
                  <a:lnTo>
                    <a:pt x="523" y="48"/>
                  </a:lnTo>
                  <a:lnTo>
                    <a:pt x="525" y="49"/>
                  </a:lnTo>
                  <a:lnTo>
                    <a:pt x="525" y="49"/>
                  </a:lnTo>
                  <a:lnTo>
                    <a:pt x="520" y="54"/>
                  </a:lnTo>
                  <a:lnTo>
                    <a:pt x="515" y="56"/>
                  </a:lnTo>
                  <a:lnTo>
                    <a:pt x="505" y="59"/>
                  </a:lnTo>
                  <a:lnTo>
                    <a:pt x="505" y="59"/>
                  </a:lnTo>
                  <a:lnTo>
                    <a:pt x="503" y="59"/>
                  </a:lnTo>
                  <a:lnTo>
                    <a:pt x="503" y="56"/>
                  </a:lnTo>
                  <a:lnTo>
                    <a:pt x="503" y="56"/>
                  </a:lnTo>
                  <a:lnTo>
                    <a:pt x="500" y="54"/>
                  </a:lnTo>
                  <a:lnTo>
                    <a:pt x="500" y="54"/>
                  </a:lnTo>
                  <a:lnTo>
                    <a:pt x="497" y="61"/>
                  </a:lnTo>
                  <a:lnTo>
                    <a:pt x="495" y="63"/>
                  </a:lnTo>
                  <a:lnTo>
                    <a:pt x="493" y="63"/>
                  </a:lnTo>
                  <a:lnTo>
                    <a:pt x="492" y="61"/>
                  </a:lnTo>
                  <a:lnTo>
                    <a:pt x="492" y="61"/>
                  </a:lnTo>
                  <a:lnTo>
                    <a:pt x="495" y="56"/>
                  </a:lnTo>
                  <a:lnTo>
                    <a:pt x="498" y="49"/>
                  </a:lnTo>
                  <a:lnTo>
                    <a:pt x="498" y="49"/>
                  </a:lnTo>
                  <a:lnTo>
                    <a:pt x="492" y="49"/>
                  </a:lnTo>
                  <a:lnTo>
                    <a:pt x="487" y="48"/>
                  </a:lnTo>
                  <a:lnTo>
                    <a:pt x="482" y="48"/>
                  </a:lnTo>
                  <a:lnTo>
                    <a:pt x="482" y="49"/>
                  </a:lnTo>
                  <a:lnTo>
                    <a:pt x="482" y="51"/>
                  </a:lnTo>
                  <a:lnTo>
                    <a:pt x="482" y="51"/>
                  </a:lnTo>
                  <a:lnTo>
                    <a:pt x="484" y="49"/>
                  </a:lnTo>
                  <a:lnTo>
                    <a:pt x="485" y="51"/>
                  </a:lnTo>
                  <a:lnTo>
                    <a:pt x="490" y="53"/>
                  </a:lnTo>
                  <a:lnTo>
                    <a:pt x="490" y="53"/>
                  </a:lnTo>
                  <a:lnTo>
                    <a:pt x="488" y="58"/>
                  </a:lnTo>
                  <a:lnTo>
                    <a:pt x="487" y="59"/>
                  </a:lnTo>
                  <a:lnTo>
                    <a:pt x="487" y="59"/>
                  </a:lnTo>
                  <a:lnTo>
                    <a:pt x="484" y="56"/>
                  </a:lnTo>
                  <a:lnTo>
                    <a:pt x="482" y="56"/>
                  </a:lnTo>
                  <a:lnTo>
                    <a:pt x="480" y="54"/>
                  </a:lnTo>
                  <a:lnTo>
                    <a:pt x="480" y="54"/>
                  </a:lnTo>
                  <a:lnTo>
                    <a:pt x="480" y="63"/>
                  </a:lnTo>
                  <a:lnTo>
                    <a:pt x="480" y="71"/>
                  </a:lnTo>
                  <a:lnTo>
                    <a:pt x="480" y="77"/>
                  </a:lnTo>
                  <a:lnTo>
                    <a:pt x="477" y="79"/>
                  </a:lnTo>
                  <a:lnTo>
                    <a:pt x="475" y="82"/>
                  </a:lnTo>
                  <a:lnTo>
                    <a:pt x="475" y="82"/>
                  </a:lnTo>
                  <a:lnTo>
                    <a:pt x="475" y="81"/>
                  </a:lnTo>
                  <a:lnTo>
                    <a:pt x="477" y="79"/>
                  </a:lnTo>
                  <a:lnTo>
                    <a:pt x="479" y="77"/>
                  </a:lnTo>
                  <a:lnTo>
                    <a:pt x="477" y="76"/>
                  </a:lnTo>
                  <a:lnTo>
                    <a:pt x="477" y="76"/>
                  </a:lnTo>
                  <a:lnTo>
                    <a:pt x="474" y="77"/>
                  </a:lnTo>
                  <a:lnTo>
                    <a:pt x="470" y="77"/>
                  </a:lnTo>
                  <a:lnTo>
                    <a:pt x="467" y="76"/>
                  </a:lnTo>
                  <a:lnTo>
                    <a:pt x="464" y="77"/>
                  </a:lnTo>
                  <a:lnTo>
                    <a:pt x="464" y="77"/>
                  </a:lnTo>
                  <a:lnTo>
                    <a:pt x="464" y="82"/>
                  </a:lnTo>
                  <a:lnTo>
                    <a:pt x="462" y="84"/>
                  </a:lnTo>
                  <a:lnTo>
                    <a:pt x="457" y="84"/>
                  </a:lnTo>
                  <a:lnTo>
                    <a:pt x="454" y="82"/>
                  </a:lnTo>
                  <a:lnTo>
                    <a:pt x="454" y="82"/>
                  </a:lnTo>
                  <a:lnTo>
                    <a:pt x="454" y="86"/>
                  </a:lnTo>
                  <a:lnTo>
                    <a:pt x="452" y="86"/>
                  </a:lnTo>
                  <a:lnTo>
                    <a:pt x="451" y="86"/>
                  </a:lnTo>
                  <a:lnTo>
                    <a:pt x="449" y="84"/>
                  </a:lnTo>
                  <a:lnTo>
                    <a:pt x="449" y="84"/>
                  </a:lnTo>
                  <a:lnTo>
                    <a:pt x="446" y="91"/>
                  </a:lnTo>
                  <a:lnTo>
                    <a:pt x="442" y="97"/>
                  </a:lnTo>
                  <a:lnTo>
                    <a:pt x="434" y="107"/>
                  </a:lnTo>
                  <a:lnTo>
                    <a:pt x="434" y="107"/>
                  </a:lnTo>
                  <a:lnTo>
                    <a:pt x="421" y="110"/>
                  </a:lnTo>
                  <a:lnTo>
                    <a:pt x="406" y="115"/>
                  </a:lnTo>
                  <a:lnTo>
                    <a:pt x="395" y="122"/>
                  </a:lnTo>
                  <a:lnTo>
                    <a:pt x="388" y="127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2" y="130"/>
                  </a:lnTo>
                  <a:lnTo>
                    <a:pt x="380" y="128"/>
                  </a:lnTo>
                  <a:lnTo>
                    <a:pt x="380" y="128"/>
                  </a:lnTo>
                  <a:lnTo>
                    <a:pt x="373" y="135"/>
                  </a:lnTo>
                  <a:lnTo>
                    <a:pt x="367" y="145"/>
                  </a:lnTo>
                  <a:lnTo>
                    <a:pt x="357" y="165"/>
                  </a:lnTo>
                  <a:lnTo>
                    <a:pt x="352" y="174"/>
                  </a:lnTo>
                  <a:lnTo>
                    <a:pt x="347" y="183"/>
                  </a:lnTo>
                  <a:lnTo>
                    <a:pt x="340" y="189"/>
                  </a:lnTo>
                  <a:lnTo>
                    <a:pt x="334" y="194"/>
                  </a:lnTo>
                  <a:lnTo>
                    <a:pt x="334" y="194"/>
                  </a:lnTo>
                  <a:lnTo>
                    <a:pt x="332" y="198"/>
                  </a:lnTo>
                  <a:lnTo>
                    <a:pt x="329" y="201"/>
                  </a:lnTo>
                  <a:lnTo>
                    <a:pt x="322" y="204"/>
                  </a:lnTo>
                  <a:lnTo>
                    <a:pt x="316" y="207"/>
                  </a:lnTo>
                  <a:lnTo>
                    <a:pt x="313" y="209"/>
                  </a:lnTo>
                  <a:lnTo>
                    <a:pt x="311" y="212"/>
                  </a:lnTo>
                  <a:lnTo>
                    <a:pt x="311" y="212"/>
                  </a:lnTo>
                  <a:lnTo>
                    <a:pt x="314" y="212"/>
                  </a:lnTo>
                  <a:lnTo>
                    <a:pt x="317" y="211"/>
                  </a:lnTo>
                  <a:lnTo>
                    <a:pt x="317" y="211"/>
                  </a:lnTo>
                  <a:lnTo>
                    <a:pt x="317" y="216"/>
                  </a:lnTo>
                  <a:lnTo>
                    <a:pt x="319" y="219"/>
                  </a:lnTo>
                  <a:lnTo>
                    <a:pt x="319" y="219"/>
                  </a:lnTo>
                  <a:lnTo>
                    <a:pt x="314" y="219"/>
                  </a:lnTo>
                  <a:lnTo>
                    <a:pt x="313" y="222"/>
                  </a:lnTo>
                  <a:lnTo>
                    <a:pt x="313" y="222"/>
                  </a:lnTo>
                  <a:lnTo>
                    <a:pt x="316" y="222"/>
                  </a:lnTo>
                  <a:lnTo>
                    <a:pt x="317" y="222"/>
                  </a:lnTo>
                  <a:lnTo>
                    <a:pt x="319" y="224"/>
                  </a:lnTo>
                  <a:lnTo>
                    <a:pt x="319" y="224"/>
                  </a:lnTo>
                  <a:lnTo>
                    <a:pt x="316" y="225"/>
                  </a:lnTo>
                  <a:lnTo>
                    <a:pt x="314" y="229"/>
                  </a:lnTo>
                  <a:lnTo>
                    <a:pt x="313" y="237"/>
                  </a:lnTo>
                  <a:lnTo>
                    <a:pt x="313" y="237"/>
                  </a:lnTo>
                  <a:lnTo>
                    <a:pt x="316" y="235"/>
                  </a:lnTo>
                  <a:lnTo>
                    <a:pt x="317" y="234"/>
                  </a:lnTo>
                  <a:lnTo>
                    <a:pt x="321" y="227"/>
                  </a:lnTo>
                  <a:lnTo>
                    <a:pt x="324" y="221"/>
                  </a:lnTo>
                  <a:lnTo>
                    <a:pt x="327" y="219"/>
                  </a:lnTo>
                  <a:lnTo>
                    <a:pt x="331" y="219"/>
                  </a:lnTo>
                  <a:lnTo>
                    <a:pt x="331" y="219"/>
                  </a:lnTo>
                  <a:lnTo>
                    <a:pt x="327" y="229"/>
                  </a:lnTo>
                  <a:lnTo>
                    <a:pt x="324" y="235"/>
                  </a:lnTo>
                  <a:lnTo>
                    <a:pt x="321" y="244"/>
                  </a:lnTo>
                  <a:lnTo>
                    <a:pt x="317" y="245"/>
                  </a:lnTo>
                  <a:lnTo>
                    <a:pt x="314" y="247"/>
                  </a:lnTo>
                  <a:lnTo>
                    <a:pt x="314" y="247"/>
                  </a:lnTo>
                  <a:lnTo>
                    <a:pt x="311" y="249"/>
                  </a:lnTo>
                  <a:lnTo>
                    <a:pt x="311" y="245"/>
                  </a:lnTo>
                  <a:lnTo>
                    <a:pt x="311" y="244"/>
                  </a:lnTo>
                  <a:lnTo>
                    <a:pt x="309" y="244"/>
                  </a:lnTo>
                  <a:lnTo>
                    <a:pt x="309" y="244"/>
                  </a:lnTo>
                  <a:lnTo>
                    <a:pt x="308" y="245"/>
                  </a:lnTo>
                  <a:lnTo>
                    <a:pt x="308" y="247"/>
                  </a:lnTo>
                  <a:lnTo>
                    <a:pt x="311" y="250"/>
                  </a:lnTo>
                  <a:lnTo>
                    <a:pt x="313" y="252"/>
                  </a:lnTo>
                  <a:lnTo>
                    <a:pt x="313" y="252"/>
                  </a:lnTo>
                  <a:lnTo>
                    <a:pt x="309" y="252"/>
                  </a:lnTo>
                  <a:lnTo>
                    <a:pt x="308" y="252"/>
                  </a:lnTo>
                  <a:lnTo>
                    <a:pt x="304" y="257"/>
                  </a:lnTo>
                  <a:lnTo>
                    <a:pt x="301" y="263"/>
                  </a:lnTo>
                  <a:lnTo>
                    <a:pt x="299" y="265"/>
                  </a:lnTo>
                  <a:lnTo>
                    <a:pt x="294" y="265"/>
                  </a:lnTo>
                  <a:lnTo>
                    <a:pt x="294" y="265"/>
                  </a:lnTo>
                  <a:lnTo>
                    <a:pt x="296" y="255"/>
                  </a:lnTo>
                  <a:lnTo>
                    <a:pt x="298" y="245"/>
                  </a:lnTo>
                  <a:lnTo>
                    <a:pt x="298" y="245"/>
                  </a:lnTo>
                  <a:lnTo>
                    <a:pt x="301" y="247"/>
                  </a:lnTo>
                  <a:lnTo>
                    <a:pt x="303" y="245"/>
                  </a:lnTo>
                  <a:lnTo>
                    <a:pt x="304" y="242"/>
                  </a:lnTo>
                  <a:lnTo>
                    <a:pt x="308" y="242"/>
                  </a:lnTo>
                  <a:lnTo>
                    <a:pt x="308" y="242"/>
                  </a:lnTo>
                  <a:lnTo>
                    <a:pt x="308" y="234"/>
                  </a:lnTo>
                  <a:lnTo>
                    <a:pt x="304" y="230"/>
                  </a:lnTo>
                  <a:lnTo>
                    <a:pt x="301" y="230"/>
                  </a:lnTo>
                  <a:lnTo>
                    <a:pt x="301" y="230"/>
                  </a:lnTo>
                  <a:lnTo>
                    <a:pt x="299" y="242"/>
                  </a:lnTo>
                  <a:lnTo>
                    <a:pt x="294" y="252"/>
                  </a:lnTo>
                  <a:lnTo>
                    <a:pt x="288" y="260"/>
                  </a:lnTo>
                  <a:lnTo>
                    <a:pt x="278" y="267"/>
                  </a:lnTo>
                  <a:lnTo>
                    <a:pt x="278" y="267"/>
                  </a:lnTo>
                  <a:lnTo>
                    <a:pt x="278" y="272"/>
                  </a:lnTo>
                  <a:lnTo>
                    <a:pt x="276" y="277"/>
                  </a:lnTo>
                  <a:lnTo>
                    <a:pt x="271" y="285"/>
                  </a:lnTo>
                  <a:lnTo>
                    <a:pt x="271" y="285"/>
                  </a:lnTo>
                  <a:lnTo>
                    <a:pt x="273" y="288"/>
                  </a:lnTo>
                  <a:lnTo>
                    <a:pt x="273" y="293"/>
                  </a:lnTo>
                  <a:lnTo>
                    <a:pt x="271" y="300"/>
                  </a:lnTo>
                  <a:lnTo>
                    <a:pt x="266" y="308"/>
                  </a:lnTo>
                  <a:lnTo>
                    <a:pt x="263" y="316"/>
                  </a:lnTo>
                  <a:lnTo>
                    <a:pt x="263" y="316"/>
                  </a:lnTo>
                  <a:lnTo>
                    <a:pt x="265" y="316"/>
                  </a:lnTo>
                  <a:lnTo>
                    <a:pt x="266" y="314"/>
                  </a:lnTo>
                  <a:lnTo>
                    <a:pt x="270" y="311"/>
                  </a:lnTo>
                  <a:lnTo>
                    <a:pt x="271" y="309"/>
                  </a:lnTo>
                  <a:lnTo>
                    <a:pt x="273" y="309"/>
                  </a:lnTo>
                  <a:lnTo>
                    <a:pt x="275" y="311"/>
                  </a:lnTo>
                  <a:lnTo>
                    <a:pt x="275" y="311"/>
                  </a:lnTo>
                  <a:lnTo>
                    <a:pt x="270" y="318"/>
                  </a:lnTo>
                  <a:lnTo>
                    <a:pt x="266" y="324"/>
                  </a:lnTo>
                  <a:lnTo>
                    <a:pt x="263" y="332"/>
                  </a:lnTo>
                  <a:lnTo>
                    <a:pt x="257" y="337"/>
                  </a:lnTo>
                  <a:lnTo>
                    <a:pt x="257" y="337"/>
                  </a:lnTo>
                  <a:lnTo>
                    <a:pt x="258" y="331"/>
                  </a:lnTo>
                  <a:lnTo>
                    <a:pt x="257" y="328"/>
                  </a:lnTo>
                  <a:lnTo>
                    <a:pt x="255" y="326"/>
                  </a:lnTo>
                  <a:lnTo>
                    <a:pt x="255" y="326"/>
                  </a:lnTo>
                  <a:lnTo>
                    <a:pt x="253" y="329"/>
                  </a:lnTo>
                  <a:lnTo>
                    <a:pt x="253" y="334"/>
                  </a:lnTo>
                  <a:lnTo>
                    <a:pt x="255" y="341"/>
                  </a:lnTo>
                  <a:lnTo>
                    <a:pt x="255" y="341"/>
                  </a:lnTo>
                  <a:lnTo>
                    <a:pt x="250" y="342"/>
                  </a:lnTo>
                  <a:lnTo>
                    <a:pt x="247" y="346"/>
                  </a:lnTo>
                  <a:lnTo>
                    <a:pt x="247" y="346"/>
                  </a:lnTo>
                  <a:lnTo>
                    <a:pt x="250" y="346"/>
                  </a:lnTo>
                  <a:lnTo>
                    <a:pt x="252" y="344"/>
                  </a:lnTo>
                  <a:lnTo>
                    <a:pt x="253" y="342"/>
                  </a:lnTo>
                  <a:lnTo>
                    <a:pt x="255" y="342"/>
                  </a:lnTo>
                  <a:lnTo>
                    <a:pt x="255" y="342"/>
                  </a:lnTo>
                  <a:lnTo>
                    <a:pt x="257" y="347"/>
                  </a:lnTo>
                  <a:lnTo>
                    <a:pt x="258" y="351"/>
                  </a:lnTo>
                  <a:lnTo>
                    <a:pt x="258" y="354"/>
                  </a:lnTo>
                  <a:lnTo>
                    <a:pt x="255" y="357"/>
                  </a:lnTo>
                  <a:lnTo>
                    <a:pt x="255" y="357"/>
                  </a:lnTo>
                  <a:lnTo>
                    <a:pt x="255" y="354"/>
                  </a:lnTo>
                  <a:lnTo>
                    <a:pt x="255" y="352"/>
                  </a:lnTo>
                  <a:lnTo>
                    <a:pt x="255" y="352"/>
                  </a:lnTo>
                  <a:lnTo>
                    <a:pt x="252" y="354"/>
                  </a:lnTo>
                  <a:lnTo>
                    <a:pt x="250" y="357"/>
                  </a:lnTo>
                  <a:lnTo>
                    <a:pt x="250" y="360"/>
                  </a:lnTo>
                  <a:lnTo>
                    <a:pt x="248" y="364"/>
                  </a:lnTo>
                  <a:lnTo>
                    <a:pt x="248" y="364"/>
                  </a:lnTo>
                  <a:lnTo>
                    <a:pt x="247" y="364"/>
                  </a:lnTo>
                  <a:lnTo>
                    <a:pt x="245" y="362"/>
                  </a:lnTo>
                  <a:lnTo>
                    <a:pt x="247" y="359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5" y="357"/>
                  </a:lnTo>
                  <a:lnTo>
                    <a:pt x="245" y="356"/>
                  </a:lnTo>
                  <a:lnTo>
                    <a:pt x="245" y="351"/>
                  </a:lnTo>
                  <a:lnTo>
                    <a:pt x="243" y="349"/>
                  </a:lnTo>
                  <a:lnTo>
                    <a:pt x="242" y="349"/>
                  </a:lnTo>
                  <a:lnTo>
                    <a:pt x="242" y="349"/>
                  </a:lnTo>
                  <a:lnTo>
                    <a:pt x="243" y="354"/>
                  </a:lnTo>
                  <a:lnTo>
                    <a:pt x="242" y="357"/>
                  </a:lnTo>
                  <a:lnTo>
                    <a:pt x="242" y="362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5" y="365"/>
                  </a:lnTo>
                  <a:lnTo>
                    <a:pt x="247" y="370"/>
                  </a:lnTo>
                  <a:lnTo>
                    <a:pt x="247" y="370"/>
                  </a:lnTo>
                  <a:lnTo>
                    <a:pt x="248" y="370"/>
                  </a:lnTo>
                  <a:lnTo>
                    <a:pt x="250" y="369"/>
                  </a:lnTo>
                  <a:lnTo>
                    <a:pt x="250" y="367"/>
                  </a:lnTo>
                  <a:lnTo>
                    <a:pt x="253" y="367"/>
                  </a:lnTo>
                  <a:lnTo>
                    <a:pt x="253" y="367"/>
                  </a:lnTo>
                  <a:lnTo>
                    <a:pt x="250" y="377"/>
                  </a:lnTo>
                  <a:lnTo>
                    <a:pt x="250" y="379"/>
                  </a:lnTo>
                  <a:lnTo>
                    <a:pt x="255" y="380"/>
                  </a:lnTo>
                  <a:lnTo>
                    <a:pt x="255" y="380"/>
                  </a:lnTo>
                  <a:lnTo>
                    <a:pt x="250" y="382"/>
                  </a:lnTo>
                  <a:lnTo>
                    <a:pt x="248" y="385"/>
                  </a:lnTo>
                  <a:lnTo>
                    <a:pt x="245" y="392"/>
                  </a:lnTo>
                  <a:lnTo>
                    <a:pt x="243" y="398"/>
                  </a:lnTo>
                  <a:lnTo>
                    <a:pt x="242" y="402"/>
                  </a:lnTo>
                  <a:lnTo>
                    <a:pt x="238" y="403"/>
                  </a:lnTo>
                  <a:lnTo>
                    <a:pt x="238" y="403"/>
                  </a:lnTo>
                  <a:lnTo>
                    <a:pt x="237" y="397"/>
                  </a:lnTo>
                  <a:lnTo>
                    <a:pt x="235" y="395"/>
                  </a:lnTo>
                  <a:lnTo>
                    <a:pt x="234" y="397"/>
                  </a:lnTo>
                  <a:lnTo>
                    <a:pt x="234" y="397"/>
                  </a:lnTo>
                  <a:lnTo>
                    <a:pt x="237" y="390"/>
                  </a:lnTo>
                  <a:lnTo>
                    <a:pt x="237" y="387"/>
                  </a:lnTo>
                  <a:lnTo>
                    <a:pt x="235" y="384"/>
                  </a:lnTo>
                  <a:lnTo>
                    <a:pt x="235" y="384"/>
                  </a:lnTo>
                  <a:lnTo>
                    <a:pt x="235" y="388"/>
                  </a:lnTo>
                  <a:lnTo>
                    <a:pt x="234" y="390"/>
                  </a:lnTo>
                  <a:lnTo>
                    <a:pt x="230" y="392"/>
                  </a:lnTo>
                  <a:lnTo>
                    <a:pt x="229" y="395"/>
                  </a:lnTo>
                  <a:lnTo>
                    <a:pt x="229" y="395"/>
                  </a:lnTo>
                  <a:lnTo>
                    <a:pt x="234" y="400"/>
                  </a:lnTo>
                  <a:lnTo>
                    <a:pt x="234" y="403"/>
                  </a:lnTo>
                  <a:lnTo>
                    <a:pt x="232" y="405"/>
                  </a:lnTo>
                  <a:lnTo>
                    <a:pt x="232" y="405"/>
                  </a:lnTo>
                  <a:lnTo>
                    <a:pt x="230" y="405"/>
                  </a:lnTo>
                  <a:lnTo>
                    <a:pt x="229" y="403"/>
                  </a:lnTo>
                  <a:lnTo>
                    <a:pt x="229" y="402"/>
                  </a:lnTo>
                  <a:lnTo>
                    <a:pt x="225" y="403"/>
                  </a:lnTo>
                  <a:lnTo>
                    <a:pt x="225" y="403"/>
                  </a:lnTo>
                  <a:lnTo>
                    <a:pt x="227" y="407"/>
                  </a:lnTo>
                  <a:lnTo>
                    <a:pt x="229" y="408"/>
                  </a:lnTo>
                  <a:lnTo>
                    <a:pt x="237" y="408"/>
                  </a:lnTo>
                  <a:lnTo>
                    <a:pt x="237" y="408"/>
                  </a:lnTo>
                  <a:lnTo>
                    <a:pt x="238" y="418"/>
                  </a:lnTo>
                  <a:lnTo>
                    <a:pt x="238" y="428"/>
                  </a:lnTo>
                  <a:lnTo>
                    <a:pt x="238" y="428"/>
                  </a:lnTo>
                  <a:lnTo>
                    <a:pt x="235" y="430"/>
                  </a:lnTo>
                  <a:lnTo>
                    <a:pt x="232" y="428"/>
                  </a:lnTo>
                  <a:lnTo>
                    <a:pt x="232" y="428"/>
                  </a:lnTo>
                  <a:lnTo>
                    <a:pt x="232" y="430"/>
                  </a:lnTo>
                  <a:lnTo>
                    <a:pt x="234" y="431"/>
                  </a:lnTo>
                  <a:lnTo>
                    <a:pt x="235" y="433"/>
                  </a:lnTo>
                  <a:lnTo>
                    <a:pt x="234" y="435"/>
                  </a:lnTo>
                  <a:lnTo>
                    <a:pt x="234" y="435"/>
                  </a:lnTo>
                  <a:lnTo>
                    <a:pt x="232" y="433"/>
                  </a:lnTo>
                  <a:lnTo>
                    <a:pt x="230" y="435"/>
                  </a:lnTo>
                  <a:lnTo>
                    <a:pt x="227" y="438"/>
                  </a:lnTo>
                  <a:lnTo>
                    <a:pt x="225" y="439"/>
                  </a:lnTo>
                  <a:lnTo>
                    <a:pt x="225" y="439"/>
                  </a:lnTo>
                  <a:lnTo>
                    <a:pt x="222" y="438"/>
                  </a:lnTo>
                  <a:lnTo>
                    <a:pt x="217" y="436"/>
                  </a:lnTo>
                  <a:lnTo>
                    <a:pt x="207" y="433"/>
                  </a:lnTo>
                  <a:lnTo>
                    <a:pt x="207" y="433"/>
                  </a:lnTo>
                  <a:lnTo>
                    <a:pt x="212" y="441"/>
                  </a:lnTo>
                  <a:lnTo>
                    <a:pt x="215" y="444"/>
                  </a:lnTo>
                  <a:lnTo>
                    <a:pt x="219" y="446"/>
                  </a:lnTo>
                  <a:lnTo>
                    <a:pt x="219" y="446"/>
                  </a:lnTo>
                  <a:lnTo>
                    <a:pt x="217" y="454"/>
                  </a:lnTo>
                  <a:lnTo>
                    <a:pt x="215" y="461"/>
                  </a:lnTo>
                  <a:lnTo>
                    <a:pt x="215" y="461"/>
                  </a:lnTo>
                  <a:lnTo>
                    <a:pt x="214" y="459"/>
                  </a:lnTo>
                  <a:lnTo>
                    <a:pt x="212" y="458"/>
                  </a:lnTo>
                  <a:lnTo>
                    <a:pt x="212" y="458"/>
                  </a:lnTo>
                  <a:lnTo>
                    <a:pt x="212" y="464"/>
                  </a:lnTo>
                  <a:lnTo>
                    <a:pt x="211" y="471"/>
                  </a:lnTo>
                  <a:lnTo>
                    <a:pt x="211" y="476"/>
                  </a:lnTo>
                  <a:lnTo>
                    <a:pt x="212" y="479"/>
                  </a:lnTo>
                  <a:lnTo>
                    <a:pt x="215" y="482"/>
                  </a:lnTo>
                  <a:lnTo>
                    <a:pt x="215" y="482"/>
                  </a:lnTo>
                  <a:lnTo>
                    <a:pt x="219" y="479"/>
                  </a:lnTo>
                  <a:lnTo>
                    <a:pt x="224" y="476"/>
                  </a:lnTo>
                  <a:lnTo>
                    <a:pt x="224" y="476"/>
                  </a:lnTo>
                  <a:lnTo>
                    <a:pt x="225" y="479"/>
                  </a:lnTo>
                  <a:lnTo>
                    <a:pt x="227" y="481"/>
                  </a:lnTo>
                  <a:lnTo>
                    <a:pt x="232" y="486"/>
                  </a:lnTo>
                  <a:lnTo>
                    <a:pt x="247" y="492"/>
                  </a:lnTo>
                  <a:lnTo>
                    <a:pt x="247" y="492"/>
                  </a:lnTo>
                  <a:lnTo>
                    <a:pt x="243" y="492"/>
                  </a:lnTo>
                  <a:lnTo>
                    <a:pt x="243" y="494"/>
                  </a:lnTo>
                  <a:lnTo>
                    <a:pt x="242" y="497"/>
                  </a:lnTo>
                  <a:lnTo>
                    <a:pt x="240" y="497"/>
                  </a:lnTo>
                  <a:lnTo>
                    <a:pt x="240" y="497"/>
                  </a:lnTo>
                  <a:lnTo>
                    <a:pt x="232" y="490"/>
                  </a:lnTo>
                  <a:lnTo>
                    <a:pt x="229" y="487"/>
                  </a:lnTo>
                  <a:lnTo>
                    <a:pt x="224" y="487"/>
                  </a:lnTo>
                  <a:lnTo>
                    <a:pt x="224" y="487"/>
                  </a:lnTo>
                  <a:lnTo>
                    <a:pt x="230" y="495"/>
                  </a:lnTo>
                  <a:lnTo>
                    <a:pt x="237" y="502"/>
                  </a:lnTo>
                  <a:lnTo>
                    <a:pt x="237" y="502"/>
                  </a:lnTo>
                  <a:lnTo>
                    <a:pt x="234" y="505"/>
                  </a:lnTo>
                  <a:lnTo>
                    <a:pt x="235" y="507"/>
                  </a:lnTo>
                  <a:lnTo>
                    <a:pt x="237" y="510"/>
                  </a:lnTo>
                  <a:lnTo>
                    <a:pt x="238" y="514"/>
                  </a:lnTo>
                  <a:lnTo>
                    <a:pt x="238" y="514"/>
                  </a:lnTo>
                  <a:lnTo>
                    <a:pt x="237" y="517"/>
                  </a:lnTo>
                  <a:lnTo>
                    <a:pt x="235" y="522"/>
                  </a:lnTo>
                  <a:lnTo>
                    <a:pt x="235" y="522"/>
                  </a:lnTo>
                  <a:lnTo>
                    <a:pt x="234" y="520"/>
                  </a:lnTo>
                  <a:lnTo>
                    <a:pt x="234" y="518"/>
                  </a:lnTo>
                  <a:lnTo>
                    <a:pt x="232" y="518"/>
                  </a:lnTo>
                  <a:lnTo>
                    <a:pt x="230" y="518"/>
                  </a:lnTo>
                  <a:lnTo>
                    <a:pt x="230" y="518"/>
                  </a:lnTo>
                  <a:lnTo>
                    <a:pt x="232" y="522"/>
                  </a:lnTo>
                  <a:lnTo>
                    <a:pt x="232" y="523"/>
                  </a:lnTo>
                  <a:lnTo>
                    <a:pt x="229" y="527"/>
                  </a:lnTo>
                  <a:lnTo>
                    <a:pt x="224" y="530"/>
                  </a:lnTo>
                  <a:lnTo>
                    <a:pt x="224" y="532"/>
                  </a:lnTo>
                  <a:lnTo>
                    <a:pt x="222" y="535"/>
                  </a:lnTo>
                  <a:lnTo>
                    <a:pt x="222" y="535"/>
                  </a:lnTo>
                  <a:lnTo>
                    <a:pt x="227" y="535"/>
                  </a:lnTo>
                  <a:lnTo>
                    <a:pt x="229" y="538"/>
                  </a:lnTo>
                  <a:lnTo>
                    <a:pt x="230" y="543"/>
                  </a:lnTo>
                  <a:lnTo>
                    <a:pt x="230" y="548"/>
                  </a:lnTo>
                  <a:lnTo>
                    <a:pt x="230" y="561"/>
                  </a:lnTo>
                  <a:lnTo>
                    <a:pt x="232" y="566"/>
                  </a:lnTo>
                  <a:lnTo>
                    <a:pt x="235" y="568"/>
                  </a:lnTo>
                  <a:lnTo>
                    <a:pt x="235" y="568"/>
                  </a:lnTo>
                  <a:lnTo>
                    <a:pt x="234" y="555"/>
                  </a:lnTo>
                  <a:lnTo>
                    <a:pt x="235" y="548"/>
                  </a:lnTo>
                  <a:lnTo>
                    <a:pt x="237" y="546"/>
                  </a:lnTo>
                  <a:lnTo>
                    <a:pt x="238" y="545"/>
                  </a:lnTo>
                  <a:lnTo>
                    <a:pt x="238" y="545"/>
                  </a:lnTo>
                  <a:lnTo>
                    <a:pt x="238" y="551"/>
                  </a:lnTo>
                  <a:lnTo>
                    <a:pt x="238" y="556"/>
                  </a:lnTo>
                  <a:lnTo>
                    <a:pt x="240" y="568"/>
                  </a:lnTo>
                  <a:lnTo>
                    <a:pt x="240" y="568"/>
                  </a:lnTo>
                  <a:lnTo>
                    <a:pt x="237" y="568"/>
                  </a:lnTo>
                  <a:lnTo>
                    <a:pt x="234" y="569"/>
                  </a:lnTo>
                  <a:lnTo>
                    <a:pt x="234" y="569"/>
                  </a:lnTo>
                  <a:lnTo>
                    <a:pt x="235" y="576"/>
                  </a:lnTo>
                  <a:lnTo>
                    <a:pt x="234" y="581"/>
                  </a:lnTo>
                  <a:lnTo>
                    <a:pt x="227" y="589"/>
                  </a:lnTo>
                  <a:lnTo>
                    <a:pt x="227" y="589"/>
                  </a:lnTo>
                  <a:lnTo>
                    <a:pt x="229" y="593"/>
                  </a:lnTo>
                  <a:lnTo>
                    <a:pt x="229" y="597"/>
                  </a:lnTo>
                  <a:lnTo>
                    <a:pt x="225" y="602"/>
                  </a:lnTo>
                  <a:lnTo>
                    <a:pt x="222" y="604"/>
                  </a:lnTo>
                  <a:lnTo>
                    <a:pt x="222" y="604"/>
                  </a:lnTo>
                  <a:lnTo>
                    <a:pt x="222" y="602"/>
                  </a:lnTo>
                  <a:lnTo>
                    <a:pt x="220" y="601"/>
                  </a:lnTo>
                  <a:lnTo>
                    <a:pt x="220" y="601"/>
                  </a:lnTo>
                  <a:lnTo>
                    <a:pt x="222" y="604"/>
                  </a:lnTo>
                  <a:lnTo>
                    <a:pt x="224" y="606"/>
                  </a:lnTo>
                  <a:lnTo>
                    <a:pt x="225" y="609"/>
                  </a:lnTo>
                  <a:lnTo>
                    <a:pt x="225" y="611"/>
                  </a:lnTo>
                  <a:lnTo>
                    <a:pt x="225" y="611"/>
                  </a:lnTo>
                  <a:lnTo>
                    <a:pt x="224" y="624"/>
                  </a:lnTo>
                  <a:lnTo>
                    <a:pt x="224" y="635"/>
                  </a:lnTo>
                  <a:lnTo>
                    <a:pt x="225" y="648"/>
                  </a:lnTo>
                  <a:lnTo>
                    <a:pt x="229" y="660"/>
                  </a:lnTo>
                  <a:lnTo>
                    <a:pt x="235" y="681"/>
                  </a:lnTo>
                  <a:lnTo>
                    <a:pt x="237" y="691"/>
                  </a:lnTo>
                  <a:lnTo>
                    <a:pt x="235" y="700"/>
                  </a:lnTo>
                  <a:lnTo>
                    <a:pt x="235" y="700"/>
                  </a:lnTo>
                  <a:lnTo>
                    <a:pt x="237" y="701"/>
                  </a:lnTo>
                  <a:lnTo>
                    <a:pt x="238" y="708"/>
                  </a:lnTo>
                  <a:lnTo>
                    <a:pt x="238" y="714"/>
                  </a:lnTo>
                  <a:lnTo>
                    <a:pt x="237" y="719"/>
                  </a:lnTo>
                  <a:lnTo>
                    <a:pt x="237" y="719"/>
                  </a:lnTo>
                  <a:lnTo>
                    <a:pt x="238" y="719"/>
                  </a:lnTo>
                  <a:lnTo>
                    <a:pt x="240" y="721"/>
                  </a:lnTo>
                  <a:lnTo>
                    <a:pt x="240" y="726"/>
                  </a:lnTo>
                  <a:lnTo>
                    <a:pt x="240" y="726"/>
                  </a:lnTo>
                  <a:lnTo>
                    <a:pt x="243" y="726"/>
                  </a:lnTo>
                  <a:lnTo>
                    <a:pt x="245" y="728"/>
                  </a:lnTo>
                  <a:lnTo>
                    <a:pt x="248" y="731"/>
                  </a:lnTo>
                  <a:lnTo>
                    <a:pt x="248" y="731"/>
                  </a:lnTo>
                  <a:lnTo>
                    <a:pt x="250" y="729"/>
                  </a:lnTo>
                  <a:lnTo>
                    <a:pt x="253" y="728"/>
                  </a:lnTo>
                  <a:lnTo>
                    <a:pt x="253" y="728"/>
                  </a:lnTo>
                  <a:lnTo>
                    <a:pt x="253" y="732"/>
                  </a:lnTo>
                  <a:lnTo>
                    <a:pt x="257" y="739"/>
                  </a:lnTo>
                  <a:lnTo>
                    <a:pt x="262" y="749"/>
                  </a:lnTo>
                  <a:lnTo>
                    <a:pt x="265" y="754"/>
                  </a:lnTo>
                  <a:lnTo>
                    <a:pt x="265" y="759"/>
                  </a:lnTo>
                  <a:lnTo>
                    <a:pt x="265" y="762"/>
                  </a:lnTo>
                  <a:lnTo>
                    <a:pt x="260" y="765"/>
                  </a:lnTo>
                  <a:lnTo>
                    <a:pt x="260" y="765"/>
                  </a:lnTo>
                  <a:lnTo>
                    <a:pt x="257" y="767"/>
                  </a:lnTo>
                  <a:lnTo>
                    <a:pt x="253" y="767"/>
                  </a:lnTo>
                  <a:lnTo>
                    <a:pt x="245" y="765"/>
                  </a:lnTo>
                  <a:lnTo>
                    <a:pt x="238" y="759"/>
                  </a:lnTo>
                  <a:lnTo>
                    <a:pt x="234" y="754"/>
                  </a:lnTo>
                  <a:lnTo>
                    <a:pt x="234" y="754"/>
                  </a:lnTo>
                  <a:lnTo>
                    <a:pt x="234" y="757"/>
                  </a:lnTo>
                  <a:lnTo>
                    <a:pt x="235" y="759"/>
                  </a:lnTo>
                  <a:lnTo>
                    <a:pt x="235" y="760"/>
                  </a:lnTo>
                  <a:lnTo>
                    <a:pt x="232" y="760"/>
                  </a:lnTo>
                  <a:lnTo>
                    <a:pt x="232" y="760"/>
                  </a:lnTo>
                  <a:lnTo>
                    <a:pt x="222" y="757"/>
                  </a:lnTo>
                  <a:lnTo>
                    <a:pt x="215" y="757"/>
                  </a:lnTo>
                  <a:lnTo>
                    <a:pt x="212" y="759"/>
                  </a:lnTo>
                  <a:lnTo>
                    <a:pt x="212" y="759"/>
                  </a:lnTo>
                  <a:lnTo>
                    <a:pt x="209" y="764"/>
                  </a:lnTo>
                  <a:lnTo>
                    <a:pt x="207" y="765"/>
                  </a:lnTo>
                  <a:lnTo>
                    <a:pt x="202" y="769"/>
                  </a:lnTo>
                  <a:lnTo>
                    <a:pt x="199" y="772"/>
                  </a:lnTo>
                  <a:lnTo>
                    <a:pt x="199" y="772"/>
                  </a:lnTo>
                  <a:lnTo>
                    <a:pt x="199" y="782"/>
                  </a:lnTo>
                  <a:lnTo>
                    <a:pt x="197" y="792"/>
                  </a:lnTo>
                  <a:lnTo>
                    <a:pt x="191" y="811"/>
                  </a:lnTo>
                  <a:lnTo>
                    <a:pt x="188" y="830"/>
                  </a:lnTo>
                  <a:lnTo>
                    <a:pt x="186" y="839"/>
                  </a:lnTo>
                  <a:lnTo>
                    <a:pt x="186" y="849"/>
                  </a:lnTo>
                  <a:lnTo>
                    <a:pt x="186" y="849"/>
                  </a:lnTo>
                  <a:lnTo>
                    <a:pt x="189" y="838"/>
                  </a:lnTo>
                  <a:lnTo>
                    <a:pt x="191" y="828"/>
                  </a:lnTo>
                  <a:lnTo>
                    <a:pt x="194" y="818"/>
                  </a:lnTo>
                  <a:lnTo>
                    <a:pt x="196" y="815"/>
                  </a:lnTo>
                  <a:lnTo>
                    <a:pt x="199" y="813"/>
                  </a:lnTo>
                  <a:lnTo>
                    <a:pt x="199" y="813"/>
                  </a:lnTo>
                  <a:lnTo>
                    <a:pt x="199" y="825"/>
                  </a:lnTo>
                  <a:lnTo>
                    <a:pt x="199" y="836"/>
                  </a:lnTo>
                  <a:lnTo>
                    <a:pt x="199" y="839"/>
                  </a:lnTo>
                  <a:lnTo>
                    <a:pt x="197" y="844"/>
                  </a:lnTo>
                  <a:lnTo>
                    <a:pt x="194" y="846"/>
                  </a:lnTo>
                  <a:lnTo>
                    <a:pt x="191" y="846"/>
                  </a:lnTo>
                  <a:lnTo>
                    <a:pt x="191" y="846"/>
                  </a:lnTo>
                  <a:lnTo>
                    <a:pt x="194" y="858"/>
                  </a:lnTo>
                  <a:lnTo>
                    <a:pt x="197" y="871"/>
                  </a:lnTo>
                  <a:lnTo>
                    <a:pt x="197" y="884"/>
                  </a:lnTo>
                  <a:lnTo>
                    <a:pt x="197" y="889"/>
                  </a:lnTo>
                  <a:lnTo>
                    <a:pt x="194" y="894"/>
                  </a:lnTo>
                  <a:lnTo>
                    <a:pt x="194" y="894"/>
                  </a:lnTo>
                  <a:lnTo>
                    <a:pt x="196" y="897"/>
                  </a:lnTo>
                  <a:lnTo>
                    <a:pt x="196" y="902"/>
                  </a:lnTo>
                  <a:lnTo>
                    <a:pt x="194" y="912"/>
                  </a:lnTo>
                  <a:lnTo>
                    <a:pt x="191" y="923"/>
                  </a:lnTo>
                  <a:lnTo>
                    <a:pt x="188" y="935"/>
                  </a:lnTo>
                  <a:lnTo>
                    <a:pt x="183" y="935"/>
                  </a:lnTo>
                  <a:lnTo>
                    <a:pt x="183" y="935"/>
                  </a:lnTo>
                  <a:lnTo>
                    <a:pt x="183" y="950"/>
                  </a:lnTo>
                  <a:lnTo>
                    <a:pt x="184" y="963"/>
                  </a:lnTo>
                  <a:lnTo>
                    <a:pt x="189" y="989"/>
                  </a:lnTo>
                  <a:lnTo>
                    <a:pt x="189" y="989"/>
                  </a:lnTo>
                  <a:lnTo>
                    <a:pt x="192" y="983"/>
                  </a:lnTo>
                  <a:lnTo>
                    <a:pt x="192" y="983"/>
                  </a:lnTo>
                  <a:lnTo>
                    <a:pt x="196" y="983"/>
                  </a:lnTo>
                  <a:lnTo>
                    <a:pt x="197" y="986"/>
                  </a:lnTo>
                  <a:lnTo>
                    <a:pt x="201" y="991"/>
                  </a:lnTo>
                  <a:lnTo>
                    <a:pt x="201" y="991"/>
                  </a:lnTo>
                  <a:lnTo>
                    <a:pt x="197" y="996"/>
                  </a:lnTo>
                  <a:lnTo>
                    <a:pt x="197" y="996"/>
                  </a:lnTo>
                  <a:lnTo>
                    <a:pt x="196" y="992"/>
                  </a:lnTo>
                  <a:lnTo>
                    <a:pt x="192" y="991"/>
                  </a:lnTo>
                  <a:lnTo>
                    <a:pt x="192" y="991"/>
                  </a:lnTo>
                  <a:lnTo>
                    <a:pt x="192" y="994"/>
                  </a:lnTo>
                  <a:lnTo>
                    <a:pt x="194" y="997"/>
                  </a:lnTo>
                  <a:lnTo>
                    <a:pt x="196" y="1001"/>
                  </a:lnTo>
                  <a:lnTo>
                    <a:pt x="196" y="1006"/>
                  </a:lnTo>
                  <a:lnTo>
                    <a:pt x="196" y="1006"/>
                  </a:lnTo>
                  <a:lnTo>
                    <a:pt x="192" y="1004"/>
                  </a:lnTo>
                  <a:lnTo>
                    <a:pt x="191" y="1006"/>
                  </a:lnTo>
                  <a:lnTo>
                    <a:pt x="191" y="1007"/>
                  </a:lnTo>
                  <a:lnTo>
                    <a:pt x="191" y="1007"/>
                  </a:lnTo>
                  <a:lnTo>
                    <a:pt x="194" y="1011"/>
                  </a:lnTo>
                  <a:lnTo>
                    <a:pt x="199" y="1014"/>
                  </a:lnTo>
                  <a:lnTo>
                    <a:pt x="206" y="1017"/>
                  </a:lnTo>
                  <a:lnTo>
                    <a:pt x="211" y="1024"/>
                  </a:lnTo>
                  <a:lnTo>
                    <a:pt x="211" y="1024"/>
                  </a:lnTo>
                  <a:lnTo>
                    <a:pt x="209" y="1027"/>
                  </a:lnTo>
                  <a:lnTo>
                    <a:pt x="207" y="1029"/>
                  </a:lnTo>
                  <a:lnTo>
                    <a:pt x="204" y="1032"/>
                  </a:lnTo>
                  <a:lnTo>
                    <a:pt x="204" y="1032"/>
                  </a:lnTo>
                  <a:lnTo>
                    <a:pt x="206" y="1034"/>
                  </a:lnTo>
                  <a:lnTo>
                    <a:pt x="211" y="1034"/>
                  </a:lnTo>
                  <a:lnTo>
                    <a:pt x="211" y="1034"/>
                  </a:lnTo>
                  <a:lnTo>
                    <a:pt x="206" y="1039"/>
                  </a:lnTo>
                  <a:lnTo>
                    <a:pt x="206" y="1042"/>
                  </a:lnTo>
                  <a:lnTo>
                    <a:pt x="207" y="1045"/>
                  </a:lnTo>
                  <a:lnTo>
                    <a:pt x="207" y="1045"/>
                  </a:lnTo>
                  <a:lnTo>
                    <a:pt x="207" y="1042"/>
                  </a:lnTo>
                  <a:lnTo>
                    <a:pt x="211" y="1039"/>
                  </a:lnTo>
                  <a:lnTo>
                    <a:pt x="211" y="1039"/>
                  </a:lnTo>
                  <a:lnTo>
                    <a:pt x="211" y="1044"/>
                  </a:lnTo>
                  <a:lnTo>
                    <a:pt x="211" y="1048"/>
                  </a:lnTo>
                  <a:lnTo>
                    <a:pt x="211" y="1052"/>
                  </a:lnTo>
                  <a:lnTo>
                    <a:pt x="209" y="1055"/>
                  </a:lnTo>
                  <a:lnTo>
                    <a:pt x="209" y="1055"/>
                  </a:lnTo>
                  <a:lnTo>
                    <a:pt x="207" y="1053"/>
                  </a:lnTo>
                  <a:lnTo>
                    <a:pt x="206" y="1053"/>
                  </a:lnTo>
                  <a:lnTo>
                    <a:pt x="204" y="1052"/>
                  </a:lnTo>
                  <a:lnTo>
                    <a:pt x="204" y="1052"/>
                  </a:lnTo>
                  <a:lnTo>
                    <a:pt x="202" y="1058"/>
                  </a:lnTo>
                  <a:lnTo>
                    <a:pt x="199" y="1063"/>
                  </a:lnTo>
                  <a:lnTo>
                    <a:pt x="194" y="1067"/>
                  </a:lnTo>
                  <a:lnTo>
                    <a:pt x="189" y="1070"/>
                  </a:lnTo>
                  <a:lnTo>
                    <a:pt x="176" y="1075"/>
                  </a:lnTo>
                  <a:lnTo>
                    <a:pt x="163" y="1081"/>
                  </a:lnTo>
                  <a:lnTo>
                    <a:pt x="163" y="1081"/>
                  </a:lnTo>
                  <a:lnTo>
                    <a:pt x="151" y="1091"/>
                  </a:lnTo>
                  <a:lnTo>
                    <a:pt x="146" y="1095"/>
                  </a:lnTo>
                  <a:lnTo>
                    <a:pt x="140" y="1098"/>
                  </a:lnTo>
                  <a:lnTo>
                    <a:pt x="140" y="1098"/>
                  </a:lnTo>
                  <a:lnTo>
                    <a:pt x="135" y="1104"/>
                  </a:lnTo>
                  <a:lnTo>
                    <a:pt x="128" y="1111"/>
                  </a:lnTo>
                  <a:lnTo>
                    <a:pt x="115" y="1121"/>
                  </a:lnTo>
                  <a:lnTo>
                    <a:pt x="100" y="1132"/>
                  </a:lnTo>
                  <a:lnTo>
                    <a:pt x="94" y="1139"/>
                  </a:lnTo>
                  <a:lnTo>
                    <a:pt x="89" y="1146"/>
                  </a:lnTo>
                  <a:lnTo>
                    <a:pt x="89" y="1146"/>
                  </a:lnTo>
                  <a:lnTo>
                    <a:pt x="81" y="1159"/>
                  </a:lnTo>
                  <a:lnTo>
                    <a:pt x="74" y="1175"/>
                  </a:lnTo>
                  <a:lnTo>
                    <a:pt x="63" y="1208"/>
                  </a:lnTo>
                  <a:lnTo>
                    <a:pt x="63" y="1208"/>
                  </a:lnTo>
                  <a:lnTo>
                    <a:pt x="58" y="1221"/>
                  </a:lnTo>
                  <a:lnTo>
                    <a:pt x="51" y="1234"/>
                  </a:lnTo>
                  <a:lnTo>
                    <a:pt x="38" y="1261"/>
                  </a:lnTo>
                  <a:lnTo>
                    <a:pt x="38" y="1261"/>
                  </a:lnTo>
                  <a:lnTo>
                    <a:pt x="26" y="1289"/>
                  </a:lnTo>
                  <a:lnTo>
                    <a:pt x="16" y="1318"/>
                  </a:lnTo>
                  <a:lnTo>
                    <a:pt x="0" y="1376"/>
                  </a:lnTo>
                  <a:lnTo>
                    <a:pt x="1528" y="1376"/>
                  </a:lnTo>
                  <a:lnTo>
                    <a:pt x="1528" y="1376"/>
                  </a:lnTo>
                  <a:lnTo>
                    <a:pt x="1512" y="1325"/>
                  </a:lnTo>
                  <a:lnTo>
                    <a:pt x="1493" y="1272"/>
                  </a:lnTo>
                  <a:lnTo>
                    <a:pt x="1456" y="1175"/>
                  </a:lnTo>
                  <a:lnTo>
                    <a:pt x="1456" y="1175"/>
                  </a:lnTo>
                  <a:close/>
                  <a:moveTo>
                    <a:pt x="1204" y="545"/>
                  </a:moveTo>
                  <a:lnTo>
                    <a:pt x="1204" y="545"/>
                  </a:lnTo>
                  <a:lnTo>
                    <a:pt x="1202" y="543"/>
                  </a:lnTo>
                  <a:lnTo>
                    <a:pt x="1201" y="540"/>
                  </a:lnTo>
                  <a:lnTo>
                    <a:pt x="1201" y="533"/>
                  </a:lnTo>
                  <a:lnTo>
                    <a:pt x="1201" y="533"/>
                  </a:lnTo>
                  <a:lnTo>
                    <a:pt x="1202" y="535"/>
                  </a:lnTo>
                  <a:lnTo>
                    <a:pt x="1204" y="537"/>
                  </a:lnTo>
                  <a:lnTo>
                    <a:pt x="1204" y="545"/>
                  </a:lnTo>
                  <a:lnTo>
                    <a:pt x="1204" y="545"/>
                  </a:lnTo>
                  <a:close/>
                  <a:moveTo>
                    <a:pt x="1194" y="558"/>
                  </a:moveTo>
                  <a:lnTo>
                    <a:pt x="1194" y="558"/>
                  </a:lnTo>
                  <a:lnTo>
                    <a:pt x="1196" y="558"/>
                  </a:lnTo>
                  <a:lnTo>
                    <a:pt x="1196" y="561"/>
                  </a:lnTo>
                  <a:lnTo>
                    <a:pt x="1196" y="566"/>
                  </a:lnTo>
                  <a:lnTo>
                    <a:pt x="1194" y="569"/>
                  </a:lnTo>
                  <a:lnTo>
                    <a:pt x="1191" y="571"/>
                  </a:lnTo>
                  <a:lnTo>
                    <a:pt x="1189" y="571"/>
                  </a:lnTo>
                  <a:lnTo>
                    <a:pt x="1189" y="571"/>
                  </a:lnTo>
                  <a:lnTo>
                    <a:pt x="1188" y="568"/>
                  </a:lnTo>
                  <a:lnTo>
                    <a:pt x="1189" y="565"/>
                  </a:lnTo>
                  <a:lnTo>
                    <a:pt x="1194" y="558"/>
                  </a:lnTo>
                  <a:lnTo>
                    <a:pt x="1194" y="558"/>
                  </a:lnTo>
                  <a:close/>
                  <a:moveTo>
                    <a:pt x="215" y="463"/>
                  </a:moveTo>
                  <a:lnTo>
                    <a:pt x="215" y="463"/>
                  </a:lnTo>
                  <a:lnTo>
                    <a:pt x="217" y="464"/>
                  </a:lnTo>
                  <a:lnTo>
                    <a:pt x="217" y="467"/>
                  </a:lnTo>
                  <a:lnTo>
                    <a:pt x="217" y="471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7" y="474"/>
                  </a:lnTo>
                  <a:lnTo>
                    <a:pt x="214" y="471"/>
                  </a:lnTo>
                  <a:lnTo>
                    <a:pt x="214" y="466"/>
                  </a:lnTo>
                  <a:lnTo>
                    <a:pt x="214" y="464"/>
                  </a:lnTo>
                  <a:lnTo>
                    <a:pt x="215" y="463"/>
                  </a:lnTo>
                  <a:lnTo>
                    <a:pt x="215" y="463"/>
                  </a:lnTo>
                  <a:close/>
                  <a:moveTo>
                    <a:pt x="234" y="602"/>
                  </a:moveTo>
                  <a:lnTo>
                    <a:pt x="234" y="602"/>
                  </a:lnTo>
                  <a:lnTo>
                    <a:pt x="235" y="601"/>
                  </a:lnTo>
                  <a:lnTo>
                    <a:pt x="230" y="601"/>
                  </a:lnTo>
                  <a:lnTo>
                    <a:pt x="230" y="601"/>
                  </a:lnTo>
                  <a:lnTo>
                    <a:pt x="234" y="589"/>
                  </a:lnTo>
                  <a:lnTo>
                    <a:pt x="235" y="584"/>
                  </a:lnTo>
                  <a:lnTo>
                    <a:pt x="237" y="579"/>
                  </a:lnTo>
                  <a:lnTo>
                    <a:pt x="237" y="579"/>
                  </a:lnTo>
                  <a:lnTo>
                    <a:pt x="238" y="583"/>
                  </a:lnTo>
                  <a:lnTo>
                    <a:pt x="238" y="586"/>
                  </a:lnTo>
                  <a:lnTo>
                    <a:pt x="234" y="591"/>
                  </a:lnTo>
                  <a:lnTo>
                    <a:pt x="234" y="591"/>
                  </a:lnTo>
                  <a:lnTo>
                    <a:pt x="237" y="593"/>
                  </a:lnTo>
                  <a:lnTo>
                    <a:pt x="238" y="597"/>
                  </a:lnTo>
                  <a:lnTo>
                    <a:pt x="238" y="601"/>
                  </a:lnTo>
                  <a:lnTo>
                    <a:pt x="237" y="602"/>
                  </a:lnTo>
                  <a:lnTo>
                    <a:pt x="234" y="602"/>
                  </a:lnTo>
                  <a:lnTo>
                    <a:pt x="234" y="602"/>
                  </a:lnTo>
                  <a:close/>
                  <a:moveTo>
                    <a:pt x="240" y="512"/>
                  </a:moveTo>
                  <a:lnTo>
                    <a:pt x="240" y="512"/>
                  </a:lnTo>
                  <a:lnTo>
                    <a:pt x="238" y="507"/>
                  </a:lnTo>
                  <a:lnTo>
                    <a:pt x="238" y="502"/>
                  </a:lnTo>
                  <a:lnTo>
                    <a:pt x="238" y="502"/>
                  </a:lnTo>
                  <a:lnTo>
                    <a:pt x="242" y="502"/>
                  </a:lnTo>
                  <a:lnTo>
                    <a:pt x="243" y="502"/>
                  </a:lnTo>
                  <a:lnTo>
                    <a:pt x="245" y="504"/>
                  </a:lnTo>
                  <a:lnTo>
                    <a:pt x="248" y="504"/>
                  </a:lnTo>
                  <a:lnTo>
                    <a:pt x="248" y="504"/>
                  </a:lnTo>
                  <a:lnTo>
                    <a:pt x="245" y="509"/>
                  </a:lnTo>
                  <a:lnTo>
                    <a:pt x="243" y="510"/>
                  </a:lnTo>
                  <a:lnTo>
                    <a:pt x="240" y="512"/>
                  </a:lnTo>
                  <a:lnTo>
                    <a:pt x="240" y="512"/>
                  </a:lnTo>
                  <a:close/>
                  <a:moveTo>
                    <a:pt x="278" y="300"/>
                  </a:moveTo>
                  <a:lnTo>
                    <a:pt x="278" y="300"/>
                  </a:lnTo>
                  <a:lnTo>
                    <a:pt x="276" y="293"/>
                  </a:lnTo>
                  <a:lnTo>
                    <a:pt x="278" y="288"/>
                  </a:lnTo>
                  <a:lnTo>
                    <a:pt x="283" y="280"/>
                  </a:lnTo>
                  <a:lnTo>
                    <a:pt x="283" y="280"/>
                  </a:lnTo>
                  <a:lnTo>
                    <a:pt x="285" y="281"/>
                  </a:lnTo>
                  <a:lnTo>
                    <a:pt x="285" y="283"/>
                  </a:lnTo>
                  <a:lnTo>
                    <a:pt x="283" y="288"/>
                  </a:lnTo>
                  <a:lnTo>
                    <a:pt x="280" y="293"/>
                  </a:lnTo>
                  <a:lnTo>
                    <a:pt x="278" y="296"/>
                  </a:lnTo>
                  <a:lnTo>
                    <a:pt x="278" y="300"/>
                  </a:lnTo>
                  <a:lnTo>
                    <a:pt x="278" y="300"/>
                  </a:lnTo>
                  <a:close/>
                  <a:moveTo>
                    <a:pt x="280" y="275"/>
                  </a:moveTo>
                  <a:lnTo>
                    <a:pt x="280" y="275"/>
                  </a:lnTo>
                  <a:lnTo>
                    <a:pt x="280" y="272"/>
                  </a:lnTo>
                  <a:lnTo>
                    <a:pt x="283" y="270"/>
                  </a:lnTo>
                  <a:lnTo>
                    <a:pt x="285" y="267"/>
                  </a:lnTo>
                  <a:lnTo>
                    <a:pt x="285" y="263"/>
                  </a:lnTo>
                  <a:lnTo>
                    <a:pt x="291" y="263"/>
                  </a:lnTo>
                  <a:lnTo>
                    <a:pt x="291" y="263"/>
                  </a:lnTo>
                  <a:lnTo>
                    <a:pt x="289" y="268"/>
                  </a:lnTo>
                  <a:lnTo>
                    <a:pt x="288" y="273"/>
                  </a:lnTo>
                  <a:lnTo>
                    <a:pt x="285" y="275"/>
                  </a:lnTo>
                  <a:lnTo>
                    <a:pt x="280" y="275"/>
                  </a:lnTo>
                  <a:lnTo>
                    <a:pt x="280" y="275"/>
                  </a:lnTo>
                  <a:close/>
                  <a:moveTo>
                    <a:pt x="1143" y="425"/>
                  </a:moveTo>
                  <a:lnTo>
                    <a:pt x="1143" y="425"/>
                  </a:lnTo>
                  <a:lnTo>
                    <a:pt x="1140" y="425"/>
                  </a:lnTo>
                  <a:lnTo>
                    <a:pt x="1138" y="423"/>
                  </a:lnTo>
                  <a:lnTo>
                    <a:pt x="1137" y="421"/>
                  </a:lnTo>
                  <a:lnTo>
                    <a:pt x="1135" y="420"/>
                  </a:lnTo>
                  <a:lnTo>
                    <a:pt x="1135" y="420"/>
                  </a:lnTo>
                  <a:lnTo>
                    <a:pt x="1137" y="416"/>
                  </a:lnTo>
                  <a:lnTo>
                    <a:pt x="1141" y="416"/>
                  </a:lnTo>
                  <a:lnTo>
                    <a:pt x="1141" y="416"/>
                  </a:lnTo>
                  <a:lnTo>
                    <a:pt x="1141" y="420"/>
                  </a:lnTo>
                  <a:lnTo>
                    <a:pt x="1141" y="421"/>
                  </a:lnTo>
                  <a:lnTo>
                    <a:pt x="1143" y="423"/>
                  </a:lnTo>
                  <a:lnTo>
                    <a:pt x="1143" y="425"/>
                  </a:lnTo>
                  <a:lnTo>
                    <a:pt x="1143" y="425"/>
                  </a:lnTo>
                  <a:close/>
                  <a:moveTo>
                    <a:pt x="1160" y="451"/>
                  </a:moveTo>
                  <a:lnTo>
                    <a:pt x="1160" y="451"/>
                  </a:lnTo>
                  <a:lnTo>
                    <a:pt x="1163" y="458"/>
                  </a:lnTo>
                  <a:lnTo>
                    <a:pt x="1168" y="463"/>
                  </a:lnTo>
                  <a:lnTo>
                    <a:pt x="1171" y="469"/>
                  </a:lnTo>
                  <a:lnTo>
                    <a:pt x="1171" y="472"/>
                  </a:lnTo>
                  <a:lnTo>
                    <a:pt x="1169" y="477"/>
                  </a:lnTo>
                  <a:lnTo>
                    <a:pt x="1169" y="477"/>
                  </a:lnTo>
                  <a:lnTo>
                    <a:pt x="1166" y="471"/>
                  </a:lnTo>
                  <a:lnTo>
                    <a:pt x="1161" y="466"/>
                  </a:lnTo>
                  <a:lnTo>
                    <a:pt x="1160" y="459"/>
                  </a:lnTo>
                  <a:lnTo>
                    <a:pt x="1160" y="451"/>
                  </a:lnTo>
                  <a:lnTo>
                    <a:pt x="1160" y="451"/>
                  </a:lnTo>
                  <a:close/>
                  <a:moveTo>
                    <a:pt x="1161" y="484"/>
                  </a:moveTo>
                  <a:lnTo>
                    <a:pt x="1161" y="484"/>
                  </a:lnTo>
                  <a:lnTo>
                    <a:pt x="1158" y="482"/>
                  </a:lnTo>
                  <a:lnTo>
                    <a:pt x="1158" y="481"/>
                  </a:lnTo>
                  <a:lnTo>
                    <a:pt x="1158" y="479"/>
                  </a:lnTo>
                  <a:lnTo>
                    <a:pt x="1161" y="477"/>
                  </a:lnTo>
                  <a:lnTo>
                    <a:pt x="1165" y="477"/>
                  </a:lnTo>
                  <a:lnTo>
                    <a:pt x="1169" y="479"/>
                  </a:lnTo>
                  <a:lnTo>
                    <a:pt x="1169" y="484"/>
                  </a:lnTo>
                  <a:lnTo>
                    <a:pt x="1169" y="484"/>
                  </a:lnTo>
                  <a:lnTo>
                    <a:pt x="1168" y="486"/>
                  </a:lnTo>
                  <a:lnTo>
                    <a:pt x="1166" y="486"/>
                  </a:lnTo>
                  <a:lnTo>
                    <a:pt x="1165" y="484"/>
                  </a:lnTo>
                  <a:lnTo>
                    <a:pt x="1161" y="482"/>
                  </a:lnTo>
                  <a:lnTo>
                    <a:pt x="1161" y="484"/>
                  </a:lnTo>
                  <a:lnTo>
                    <a:pt x="1161" y="484"/>
                  </a:lnTo>
                  <a:close/>
                  <a:moveTo>
                    <a:pt x="1183" y="665"/>
                  </a:moveTo>
                  <a:lnTo>
                    <a:pt x="1183" y="665"/>
                  </a:lnTo>
                  <a:lnTo>
                    <a:pt x="1179" y="663"/>
                  </a:lnTo>
                  <a:lnTo>
                    <a:pt x="1176" y="662"/>
                  </a:lnTo>
                  <a:lnTo>
                    <a:pt x="1174" y="660"/>
                  </a:lnTo>
                  <a:lnTo>
                    <a:pt x="1174" y="660"/>
                  </a:lnTo>
                  <a:lnTo>
                    <a:pt x="1178" y="662"/>
                  </a:lnTo>
                  <a:lnTo>
                    <a:pt x="1178" y="662"/>
                  </a:lnTo>
                  <a:lnTo>
                    <a:pt x="1179" y="660"/>
                  </a:lnTo>
                  <a:lnTo>
                    <a:pt x="1181" y="658"/>
                  </a:lnTo>
                  <a:lnTo>
                    <a:pt x="1181" y="658"/>
                  </a:lnTo>
                  <a:lnTo>
                    <a:pt x="1184" y="662"/>
                  </a:lnTo>
                  <a:lnTo>
                    <a:pt x="1184" y="663"/>
                  </a:lnTo>
                  <a:lnTo>
                    <a:pt x="1183" y="665"/>
                  </a:lnTo>
                  <a:lnTo>
                    <a:pt x="1183" y="66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9" name="Freeform 11"/>
            <p:cNvSpPr>
              <a:spLocks noEditPoints="1"/>
            </p:cNvSpPr>
            <p:nvPr/>
          </p:nvSpPr>
          <p:spPr bwMode="auto">
            <a:xfrm>
              <a:off x="5940425" y="2346325"/>
              <a:ext cx="1836738" cy="1368425"/>
            </a:xfrm>
            <a:custGeom>
              <a:avLst/>
              <a:gdLst>
                <a:gd name="T0" fmla="*/ 3720 w 3840"/>
                <a:gd name="T1" fmla="*/ 2593 h 2862"/>
                <a:gd name="T2" fmla="*/ 3584 w 3840"/>
                <a:gd name="T3" fmla="*/ 2471 h 2862"/>
                <a:gd name="T4" fmla="*/ 3344 w 3840"/>
                <a:gd name="T5" fmla="*/ 2363 h 2862"/>
                <a:gd name="T6" fmla="*/ 3169 w 3840"/>
                <a:gd name="T7" fmla="*/ 2285 h 2862"/>
                <a:gd name="T8" fmla="*/ 2941 w 3840"/>
                <a:gd name="T9" fmla="*/ 2230 h 2862"/>
                <a:gd name="T10" fmla="*/ 2890 w 3840"/>
                <a:gd name="T11" fmla="*/ 2215 h 2862"/>
                <a:gd name="T12" fmla="*/ 2743 w 3840"/>
                <a:gd name="T13" fmla="*/ 2168 h 2862"/>
                <a:gd name="T14" fmla="*/ 2531 w 3840"/>
                <a:gd name="T15" fmla="*/ 2117 h 2862"/>
                <a:gd name="T16" fmla="*/ 2440 w 3840"/>
                <a:gd name="T17" fmla="*/ 2071 h 2862"/>
                <a:gd name="T18" fmla="*/ 2504 w 3840"/>
                <a:gd name="T19" fmla="*/ 1644 h 2862"/>
                <a:gd name="T20" fmla="*/ 2641 w 3840"/>
                <a:gd name="T21" fmla="*/ 1467 h 2862"/>
                <a:gd name="T22" fmla="*/ 2758 w 3840"/>
                <a:gd name="T23" fmla="*/ 1282 h 2862"/>
                <a:gd name="T24" fmla="*/ 2765 w 3840"/>
                <a:gd name="T25" fmla="*/ 1177 h 2862"/>
                <a:gd name="T26" fmla="*/ 2709 w 3840"/>
                <a:gd name="T27" fmla="*/ 1060 h 2862"/>
                <a:gd name="T28" fmla="*/ 2684 w 3840"/>
                <a:gd name="T29" fmla="*/ 918 h 2862"/>
                <a:gd name="T30" fmla="*/ 2629 w 3840"/>
                <a:gd name="T31" fmla="*/ 632 h 2862"/>
                <a:gd name="T32" fmla="*/ 2459 w 3840"/>
                <a:gd name="T33" fmla="*/ 315 h 2862"/>
                <a:gd name="T34" fmla="*/ 2367 w 3840"/>
                <a:gd name="T35" fmla="*/ 220 h 2862"/>
                <a:gd name="T36" fmla="*/ 2295 w 3840"/>
                <a:gd name="T37" fmla="*/ 167 h 2862"/>
                <a:gd name="T38" fmla="*/ 2121 w 3840"/>
                <a:gd name="T39" fmla="*/ 95 h 2862"/>
                <a:gd name="T40" fmla="*/ 1938 w 3840"/>
                <a:gd name="T41" fmla="*/ 7 h 2862"/>
                <a:gd name="T42" fmla="*/ 1765 w 3840"/>
                <a:gd name="T43" fmla="*/ 0 h 2862"/>
                <a:gd name="T44" fmla="*/ 1514 w 3840"/>
                <a:gd name="T45" fmla="*/ 61 h 2862"/>
                <a:gd name="T46" fmla="*/ 1265 w 3840"/>
                <a:gd name="T47" fmla="*/ 225 h 2862"/>
                <a:gd name="T48" fmla="*/ 1044 w 3840"/>
                <a:gd name="T49" fmla="*/ 690 h 2862"/>
                <a:gd name="T50" fmla="*/ 1035 w 3840"/>
                <a:gd name="T51" fmla="*/ 711 h 2862"/>
                <a:gd name="T52" fmla="*/ 984 w 3840"/>
                <a:gd name="T53" fmla="*/ 862 h 2862"/>
                <a:gd name="T54" fmla="*/ 905 w 3840"/>
                <a:gd name="T55" fmla="*/ 1162 h 2862"/>
                <a:gd name="T56" fmla="*/ 841 w 3840"/>
                <a:gd name="T57" fmla="*/ 1420 h 2862"/>
                <a:gd name="T58" fmla="*/ 845 w 3840"/>
                <a:gd name="T59" fmla="*/ 1593 h 2862"/>
                <a:gd name="T60" fmla="*/ 851 w 3840"/>
                <a:gd name="T61" fmla="*/ 1707 h 2862"/>
                <a:gd name="T62" fmla="*/ 961 w 3840"/>
                <a:gd name="T63" fmla="*/ 1959 h 2862"/>
                <a:gd name="T64" fmla="*/ 1030 w 3840"/>
                <a:gd name="T65" fmla="*/ 2055 h 2862"/>
                <a:gd name="T66" fmla="*/ 1125 w 3840"/>
                <a:gd name="T67" fmla="*/ 2196 h 2862"/>
                <a:gd name="T68" fmla="*/ 1144 w 3840"/>
                <a:gd name="T69" fmla="*/ 2148 h 2862"/>
                <a:gd name="T70" fmla="*/ 1261 w 3840"/>
                <a:gd name="T71" fmla="*/ 2178 h 2862"/>
                <a:gd name="T72" fmla="*/ 1185 w 3840"/>
                <a:gd name="T73" fmla="*/ 2230 h 2862"/>
                <a:gd name="T74" fmla="*/ 1016 w 3840"/>
                <a:gd name="T75" fmla="*/ 2282 h 2862"/>
                <a:gd name="T76" fmla="*/ 737 w 3840"/>
                <a:gd name="T77" fmla="*/ 2363 h 2862"/>
                <a:gd name="T78" fmla="*/ 366 w 3840"/>
                <a:gd name="T79" fmla="*/ 2533 h 2862"/>
                <a:gd name="T80" fmla="*/ 297 w 3840"/>
                <a:gd name="T81" fmla="*/ 2590 h 2862"/>
                <a:gd name="T82" fmla="*/ 231 w 3840"/>
                <a:gd name="T83" fmla="*/ 2645 h 2862"/>
                <a:gd name="T84" fmla="*/ 199 w 3840"/>
                <a:gd name="T85" fmla="*/ 2673 h 2862"/>
                <a:gd name="T86" fmla="*/ 0 w 3840"/>
                <a:gd name="T87" fmla="*/ 2849 h 2862"/>
                <a:gd name="T88" fmla="*/ 959 w 3840"/>
                <a:gd name="T89" fmla="*/ 1906 h 2862"/>
                <a:gd name="T90" fmla="*/ 975 w 3840"/>
                <a:gd name="T91" fmla="*/ 1946 h 2862"/>
                <a:gd name="T92" fmla="*/ 1054 w 3840"/>
                <a:gd name="T93" fmla="*/ 2023 h 2862"/>
                <a:gd name="T94" fmla="*/ 964 w 3840"/>
                <a:gd name="T95" fmla="*/ 1760 h 2862"/>
                <a:gd name="T96" fmla="*/ 968 w 3840"/>
                <a:gd name="T97" fmla="*/ 1670 h 2862"/>
                <a:gd name="T98" fmla="*/ 1076 w 3840"/>
                <a:gd name="T99" fmla="*/ 1976 h 2862"/>
                <a:gd name="T100" fmla="*/ 1132 w 3840"/>
                <a:gd name="T101" fmla="*/ 1818 h 2862"/>
                <a:gd name="T102" fmla="*/ 1183 w 3840"/>
                <a:gd name="T103" fmla="*/ 2060 h 2862"/>
                <a:gd name="T104" fmla="*/ 1157 w 3840"/>
                <a:gd name="T105" fmla="*/ 2064 h 2862"/>
                <a:gd name="T106" fmla="*/ 1299 w 3840"/>
                <a:gd name="T107" fmla="*/ 2143 h 2862"/>
                <a:gd name="T108" fmla="*/ 1437 w 3840"/>
                <a:gd name="T109" fmla="*/ 2140 h 2862"/>
                <a:gd name="T110" fmla="*/ 1453 w 3840"/>
                <a:gd name="T111" fmla="*/ 2137 h 2862"/>
                <a:gd name="T112" fmla="*/ 1333 w 3840"/>
                <a:gd name="T113" fmla="*/ 2076 h 2862"/>
                <a:gd name="T114" fmla="*/ 1239 w 3840"/>
                <a:gd name="T115" fmla="*/ 1968 h 2862"/>
                <a:gd name="T116" fmla="*/ 1233 w 3840"/>
                <a:gd name="T117" fmla="*/ 1849 h 2862"/>
                <a:gd name="T118" fmla="*/ 1400 w 3840"/>
                <a:gd name="T119" fmla="*/ 2028 h 28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840" h="2862">
                  <a:moveTo>
                    <a:pt x="3796" y="2735"/>
                  </a:moveTo>
                  <a:lnTo>
                    <a:pt x="3796" y="2735"/>
                  </a:lnTo>
                  <a:lnTo>
                    <a:pt x="3783" y="2700"/>
                  </a:lnTo>
                  <a:lnTo>
                    <a:pt x="3768" y="2663"/>
                  </a:lnTo>
                  <a:lnTo>
                    <a:pt x="3759" y="2645"/>
                  </a:lnTo>
                  <a:lnTo>
                    <a:pt x="3751" y="2632"/>
                  </a:lnTo>
                  <a:lnTo>
                    <a:pt x="3742" y="2622"/>
                  </a:lnTo>
                  <a:lnTo>
                    <a:pt x="3737" y="2618"/>
                  </a:lnTo>
                  <a:lnTo>
                    <a:pt x="3732" y="2615"/>
                  </a:lnTo>
                  <a:lnTo>
                    <a:pt x="3732" y="2615"/>
                  </a:lnTo>
                  <a:lnTo>
                    <a:pt x="3729" y="2613"/>
                  </a:lnTo>
                  <a:lnTo>
                    <a:pt x="3727" y="2610"/>
                  </a:lnTo>
                  <a:lnTo>
                    <a:pt x="3726" y="2603"/>
                  </a:lnTo>
                  <a:lnTo>
                    <a:pt x="3726" y="2603"/>
                  </a:lnTo>
                  <a:lnTo>
                    <a:pt x="3720" y="2593"/>
                  </a:lnTo>
                  <a:lnTo>
                    <a:pt x="3713" y="2582"/>
                  </a:lnTo>
                  <a:lnTo>
                    <a:pt x="3698" y="2566"/>
                  </a:lnTo>
                  <a:lnTo>
                    <a:pt x="3680" y="2550"/>
                  </a:lnTo>
                  <a:lnTo>
                    <a:pt x="3664" y="2536"/>
                  </a:lnTo>
                  <a:lnTo>
                    <a:pt x="3664" y="2536"/>
                  </a:lnTo>
                  <a:lnTo>
                    <a:pt x="3661" y="2534"/>
                  </a:lnTo>
                  <a:lnTo>
                    <a:pt x="3661" y="2534"/>
                  </a:lnTo>
                  <a:lnTo>
                    <a:pt x="3661" y="2533"/>
                  </a:lnTo>
                  <a:lnTo>
                    <a:pt x="3661" y="2533"/>
                  </a:lnTo>
                  <a:lnTo>
                    <a:pt x="3639" y="2508"/>
                  </a:lnTo>
                  <a:lnTo>
                    <a:pt x="3628" y="2497"/>
                  </a:lnTo>
                  <a:lnTo>
                    <a:pt x="3622" y="2493"/>
                  </a:lnTo>
                  <a:lnTo>
                    <a:pt x="3614" y="2489"/>
                  </a:lnTo>
                  <a:lnTo>
                    <a:pt x="3614" y="2489"/>
                  </a:lnTo>
                  <a:lnTo>
                    <a:pt x="3584" y="2471"/>
                  </a:lnTo>
                  <a:lnTo>
                    <a:pt x="3571" y="2462"/>
                  </a:lnTo>
                  <a:lnTo>
                    <a:pt x="3556" y="2452"/>
                  </a:lnTo>
                  <a:lnTo>
                    <a:pt x="3556" y="2452"/>
                  </a:lnTo>
                  <a:lnTo>
                    <a:pt x="3535" y="2436"/>
                  </a:lnTo>
                  <a:lnTo>
                    <a:pt x="3512" y="2423"/>
                  </a:lnTo>
                  <a:lnTo>
                    <a:pt x="3489" y="2410"/>
                  </a:lnTo>
                  <a:lnTo>
                    <a:pt x="3464" y="2399"/>
                  </a:lnTo>
                  <a:lnTo>
                    <a:pt x="3437" y="2389"/>
                  </a:lnTo>
                  <a:lnTo>
                    <a:pt x="3409" y="2380"/>
                  </a:lnTo>
                  <a:lnTo>
                    <a:pt x="3380" y="2372"/>
                  </a:lnTo>
                  <a:lnTo>
                    <a:pt x="3349" y="2366"/>
                  </a:lnTo>
                  <a:lnTo>
                    <a:pt x="3349" y="2366"/>
                  </a:lnTo>
                  <a:lnTo>
                    <a:pt x="3346" y="2364"/>
                  </a:lnTo>
                  <a:lnTo>
                    <a:pt x="3345" y="2364"/>
                  </a:lnTo>
                  <a:lnTo>
                    <a:pt x="3344" y="2363"/>
                  </a:lnTo>
                  <a:lnTo>
                    <a:pt x="3344" y="2363"/>
                  </a:lnTo>
                  <a:lnTo>
                    <a:pt x="3332" y="2355"/>
                  </a:lnTo>
                  <a:lnTo>
                    <a:pt x="3319" y="2348"/>
                  </a:lnTo>
                  <a:lnTo>
                    <a:pt x="3291" y="2338"/>
                  </a:lnTo>
                  <a:lnTo>
                    <a:pt x="3291" y="2338"/>
                  </a:lnTo>
                  <a:lnTo>
                    <a:pt x="3283" y="2335"/>
                  </a:lnTo>
                  <a:lnTo>
                    <a:pt x="3276" y="2332"/>
                  </a:lnTo>
                  <a:lnTo>
                    <a:pt x="3264" y="2325"/>
                  </a:lnTo>
                  <a:lnTo>
                    <a:pt x="3251" y="2317"/>
                  </a:lnTo>
                  <a:lnTo>
                    <a:pt x="3244" y="2314"/>
                  </a:lnTo>
                  <a:lnTo>
                    <a:pt x="3235" y="2313"/>
                  </a:lnTo>
                  <a:lnTo>
                    <a:pt x="3235" y="2313"/>
                  </a:lnTo>
                  <a:lnTo>
                    <a:pt x="3215" y="2303"/>
                  </a:lnTo>
                  <a:lnTo>
                    <a:pt x="3193" y="2294"/>
                  </a:lnTo>
                  <a:lnTo>
                    <a:pt x="3169" y="2285"/>
                  </a:lnTo>
                  <a:lnTo>
                    <a:pt x="3144" y="2278"/>
                  </a:lnTo>
                  <a:lnTo>
                    <a:pt x="3095" y="2265"/>
                  </a:lnTo>
                  <a:lnTo>
                    <a:pt x="3042" y="2254"/>
                  </a:lnTo>
                  <a:lnTo>
                    <a:pt x="3042" y="2254"/>
                  </a:lnTo>
                  <a:lnTo>
                    <a:pt x="3026" y="2250"/>
                  </a:lnTo>
                  <a:lnTo>
                    <a:pt x="3010" y="2246"/>
                  </a:lnTo>
                  <a:lnTo>
                    <a:pt x="2994" y="2244"/>
                  </a:lnTo>
                  <a:lnTo>
                    <a:pt x="2974" y="2243"/>
                  </a:lnTo>
                  <a:lnTo>
                    <a:pt x="2972" y="2243"/>
                  </a:lnTo>
                  <a:lnTo>
                    <a:pt x="2972" y="2243"/>
                  </a:lnTo>
                  <a:lnTo>
                    <a:pt x="2969" y="2240"/>
                  </a:lnTo>
                  <a:lnTo>
                    <a:pt x="2966" y="2237"/>
                  </a:lnTo>
                  <a:lnTo>
                    <a:pt x="2958" y="2234"/>
                  </a:lnTo>
                  <a:lnTo>
                    <a:pt x="2941" y="2230"/>
                  </a:lnTo>
                  <a:lnTo>
                    <a:pt x="2941" y="2230"/>
                  </a:lnTo>
                  <a:lnTo>
                    <a:pt x="2939" y="2228"/>
                  </a:lnTo>
                  <a:lnTo>
                    <a:pt x="2938" y="2227"/>
                  </a:lnTo>
                  <a:lnTo>
                    <a:pt x="2935" y="2227"/>
                  </a:lnTo>
                  <a:lnTo>
                    <a:pt x="2929" y="2227"/>
                  </a:lnTo>
                  <a:lnTo>
                    <a:pt x="2925" y="2227"/>
                  </a:lnTo>
                  <a:lnTo>
                    <a:pt x="2922" y="2227"/>
                  </a:lnTo>
                  <a:lnTo>
                    <a:pt x="2922" y="2227"/>
                  </a:lnTo>
                  <a:lnTo>
                    <a:pt x="2920" y="2224"/>
                  </a:lnTo>
                  <a:lnTo>
                    <a:pt x="2917" y="2222"/>
                  </a:lnTo>
                  <a:lnTo>
                    <a:pt x="2911" y="2219"/>
                  </a:lnTo>
                  <a:lnTo>
                    <a:pt x="2903" y="2218"/>
                  </a:lnTo>
                  <a:lnTo>
                    <a:pt x="2894" y="2218"/>
                  </a:lnTo>
                  <a:lnTo>
                    <a:pt x="2891" y="2218"/>
                  </a:lnTo>
                  <a:lnTo>
                    <a:pt x="2891" y="2218"/>
                  </a:lnTo>
                  <a:lnTo>
                    <a:pt x="2890" y="2215"/>
                  </a:lnTo>
                  <a:lnTo>
                    <a:pt x="2888" y="2212"/>
                  </a:lnTo>
                  <a:lnTo>
                    <a:pt x="2882" y="2211"/>
                  </a:lnTo>
                  <a:lnTo>
                    <a:pt x="2876" y="2209"/>
                  </a:lnTo>
                  <a:lnTo>
                    <a:pt x="2869" y="2209"/>
                  </a:lnTo>
                  <a:lnTo>
                    <a:pt x="2869" y="2209"/>
                  </a:lnTo>
                  <a:lnTo>
                    <a:pt x="2840" y="2199"/>
                  </a:lnTo>
                  <a:lnTo>
                    <a:pt x="2810" y="2189"/>
                  </a:lnTo>
                  <a:lnTo>
                    <a:pt x="2781" y="2180"/>
                  </a:lnTo>
                  <a:lnTo>
                    <a:pt x="2765" y="2175"/>
                  </a:lnTo>
                  <a:lnTo>
                    <a:pt x="2749" y="2171"/>
                  </a:lnTo>
                  <a:lnTo>
                    <a:pt x="2749" y="2171"/>
                  </a:lnTo>
                  <a:lnTo>
                    <a:pt x="2745" y="2171"/>
                  </a:lnTo>
                  <a:lnTo>
                    <a:pt x="2743" y="2170"/>
                  </a:lnTo>
                  <a:lnTo>
                    <a:pt x="2743" y="2168"/>
                  </a:lnTo>
                  <a:lnTo>
                    <a:pt x="2743" y="2168"/>
                  </a:lnTo>
                  <a:lnTo>
                    <a:pt x="2737" y="2165"/>
                  </a:lnTo>
                  <a:lnTo>
                    <a:pt x="2730" y="2162"/>
                  </a:lnTo>
                  <a:lnTo>
                    <a:pt x="2715" y="2159"/>
                  </a:lnTo>
                  <a:lnTo>
                    <a:pt x="2715" y="2159"/>
                  </a:lnTo>
                  <a:lnTo>
                    <a:pt x="2699" y="2156"/>
                  </a:lnTo>
                  <a:lnTo>
                    <a:pt x="2693" y="2155"/>
                  </a:lnTo>
                  <a:lnTo>
                    <a:pt x="2687" y="2151"/>
                  </a:lnTo>
                  <a:lnTo>
                    <a:pt x="2687" y="2151"/>
                  </a:lnTo>
                  <a:lnTo>
                    <a:pt x="2654" y="2136"/>
                  </a:lnTo>
                  <a:lnTo>
                    <a:pt x="2636" y="2129"/>
                  </a:lnTo>
                  <a:lnTo>
                    <a:pt x="2619" y="2124"/>
                  </a:lnTo>
                  <a:lnTo>
                    <a:pt x="2600" y="2120"/>
                  </a:lnTo>
                  <a:lnTo>
                    <a:pt x="2578" y="2117"/>
                  </a:lnTo>
                  <a:lnTo>
                    <a:pt x="2556" y="2115"/>
                  </a:lnTo>
                  <a:lnTo>
                    <a:pt x="2531" y="2117"/>
                  </a:lnTo>
                  <a:lnTo>
                    <a:pt x="2531" y="2117"/>
                  </a:lnTo>
                  <a:lnTo>
                    <a:pt x="2518" y="2117"/>
                  </a:lnTo>
                  <a:lnTo>
                    <a:pt x="2501" y="2117"/>
                  </a:lnTo>
                  <a:lnTo>
                    <a:pt x="2484" y="2115"/>
                  </a:lnTo>
                  <a:lnTo>
                    <a:pt x="2477" y="2112"/>
                  </a:lnTo>
                  <a:lnTo>
                    <a:pt x="2472" y="2110"/>
                  </a:lnTo>
                  <a:lnTo>
                    <a:pt x="2472" y="2110"/>
                  </a:lnTo>
                  <a:lnTo>
                    <a:pt x="2471" y="2107"/>
                  </a:lnTo>
                  <a:lnTo>
                    <a:pt x="2468" y="2105"/>
                  </a:lnTo>
                  <a:lnTo>
                    <a:pt x="2460" y="2104"/>
                  </a:lnTo>
                  <a:lnTo>
                    <a:pt x="2453" y="2102"/>
                  </a:lnTo>
                  <a:lnTo>
                    <a:pt x="2452" y="2101"/>
                  </a:lnTo>
                  <a:lnTo>
                    <a:pt x="2450" y="2098"/>
                  </a:lnTo>
                  <a:lnTo>
                    <a:pt x="2450" y="2098"/>
                  </a:lnTo>
                  <a:lnTo>
                    <a:pt x="2440" y="2071"/>
                  </a:lnTo>
                  <a:lnTo>
                    <a:pt x="2433" y="2044"/>
                  </a:lnTo>
                  <a:lnTo>
                    <a:pt x="2427" y="2014"/>
                  </a:lnTo>
                  <a:lnTo>
                    <a:pt x="2422" y="1984"/>
                  </a:lnTo>
                  <a:lnTo>
                    <a:pt x="2418" y="1951"/>
                  </a:lnTo>
                  <a:lnTo>
                    <a:pt x="2415" y="1918"/>
                  </a:lnTo>
                  <a:lnTo>
                    <a:pt x="2411" y="1852"/>
                  </a:lnTo>
                  <a:lnTo>
                    <a:pt x="2411" y="1852"/>
                  </a:lnTo>
                  <a:lnTo>
                    <a:pt x="2425" y="1830"/>
                  </a:lnTo>
                  <a:lnTo>
                    <a:pt x="2437" y="1807"/>
                  </a:lnTo>
                  <a:lnTo>
                    <a:pt x="2447" y="1780"/>
                  </a:lnTo>
                  <a:lnTo>
                    <a:pt x="2457" y="1754"/>
                  </a:lnTo>
                  <a:lnTo>
                    <a:pt x="2474" y="1698"/>
                  </a:lnTo>
                  <a:lnTo>
                    <a:pt x="2490" y="1643"/>
                  </a:lnTo>
                  <a:lnTo>
                    <a:pt x="2490" y="1643"/>
                  </a:lnTo>
                  <a:lnTo>
                    <a:pt x="2504" y="1644"/>
                  </a:lnTo>
                  <a:lnTo>
                    <a:pt x="2523" y="1645"/>
                  </a:lnTo>
                  <a:lnTo>
                    <a:pt x="2541" y="1645"/>
                  </a:lnTo>
                  <a:lnTo>
                    <a:pt x="2556" y="1643"/>
                  </a:lnTo>
                  <a:lnTo>
                    <a:pt x="2556" y="1643"/>
                  </a:lnTo>
                  <a:lnTo>
                    <a:pt x="2561" y="1638"/>
                  </a:lnTo>
                  <a:lnTo>
                    <a:pt x="2567" y="1634"/>
                  </a:lnTo>
                  <a:lnTo>
                    <a:pt x="2573" y="1629"/>
                  </a:lnTo>
                  <a:lnTo>
                    <a:pt x="2578" y="1622"/>
                  </a:lnTo>
                  <a:lnTo>
                    <a:pt x="2585" y="1609"/>
                  </a:lnTo>
                  <a:lnTo>
                    <a:pt x="2589" y="1593"/>
                  </a:lnTo>
                  <a:lnTo>
                    <a:pt x="2598" y="1561"/>
                  </a:lnTo>
                  <a:lnTo>
                    <a:pt x="2604" y="1544"/>
                  </a:lnTo>
                  <a:lnTo>
                    <a:pt x="2610" y="1531"/>
                  </a:lnTo>
                  <a:lnTo>
                    <a:pt x="2610" y="1531"/>
                  </a:lnTo>
                  <a:lnTo>
                    <a:pt x="2641" y="1467"/>
                  </a:lnTo>
                  <a:lnTo>
                    <a:pt x="2655" y="1435"/>
                  </a:lnTo>
                  <a:lnTo>
                    <a:pt x="2668" y="1401"/>
                  </a:lnTo>
                  <a:lnTo>
                    <a:pt x="2668" y="1401"/>
                  </a:lnTo>
                  <a:lnTo>
                    <a:pt x="2693" y="1373"/>
                  </a:lnTo>
                  <a:lnTo>
                    <a:pt x="2705" y="1359"/>
                  </a:lnTo>
                  <a:lnTo>
                    <a:pt x="2715" y="1344"/>
                  </a:lnTo>
                  <a:lnTo>
                    <a:pt x="2715" y="1344"/>
                  </a:lnTo>
                  <a:lnTo>
                    <a:pt x="2721" y="1334"/>
                  </a:lnTo>
                  <a:lnTo>
                    <a:pt x="2728" y="1326"/>
                  </a:lnTo>
                  <a:lnTo>
                    <a:pt x="2734" y="1316"/>
                  </a:lnTo>
                  <a:lnTo>
                    <a:pt x="2740" y="1306"/>
                  </a:lnTo>
                  <a:lnTo>
                    <a:pt x="2740" y="1306"/>
                  </a:lnTo>
                  <a:lnTo>
                    <a:pt x="2747" y="1297"/>
                  </a:lnTo>
                  <a:lnTo>
                    <a:pt x="2755" y="1288"/>
                  </a:lnTo>
                  <a:lnTo>
                    <a:pt x="2758" y="1282"/>
                  </a:lnTo>
                  <a:lnTo>
                    <a:pt x="2761" y="1277"/>
                  </a:lnTo>
                  <a:lnTo>
                    <a:pt x="2762" y="1269"/>
                  </a:lnTo>
                  <a:lnTo>
                    <a:pt x="2762" y="1260"/>
                  </a:lnTo>
                  <a:lnTo>
                    <a:pt x="2762" y="1260"/>
                  </a:lnTo>
                  <a:lnTo>
                    <a:pt x="2764" y="1253"/>
                  </a:lnTo>
                  <a:lnTo>
                    <a:pt x="2765" y="1246"/>
                  </a:lnTo>
                  <a:lnTo>
                    <a:pt x="2765" y="1230"/>
                  </a:lnTo>
                  <a:lnTo>
                    <a:pt x="2765" y="1230"/>
                  </a:lnTo>
                  <a:lnTo>
                    <a:pt x="2768" y="1217"/>
                  </a:lnTo>
                  <a:lnTo>
                    <a:pt x="2769" y="1202"/>
                  </a:lnTo>
                  <a:lnTo>
                    <a:pt x="2769" y="1195"/>
                  </a:lnTo>
                  <a:lnTo>
                    <a:pt x="2769" y="1189"/>
                  </a:lnTo>
                  <a:lnTo>
                    <a:pt x="2768" y="1181"/>
                  </a:lnTo>
                  <a:lnTo>
                    <a:pt x="2765" y="1177"/>
                  </a:lnTo>
                  <a:lnTo>
                    <a:pt x="2765" y="1177"/>
                  </a:lnTo>
                  <a:lnTo>
                    <a:pt x="2762" y="1162"/>
                  </a:lnTo>
                  <a:lnTo>
                    <a:pt x="2759" y="1151"/>
                  </a:lnTo>
                  <a:lnTo>
                    <a:pt x="2755" y="1139"/>
                  </a:lnTo>
                  <a:lnTo>
                    <a:pt x="2752" y="1124"/>
                  </a:lnTo>
                  <a:lnTo>
                    <a:pt x="2752" y="1124"/>
                  </a:lnTo>
                  <a:lnTo>
                    <a:pt x="2749" y="1110"/>
                  </a:lnTo>
                  <a:lnTo>
                    <a:pt x="2746" y="1096"/>
                  </a:lnTo>
                  <a:lnTo>
                    <a:pt x="2745" y="1091"/>
                  </a:lnTo>
                  <a:lnTo>
                    <a:pt x="2742" y="1085"/>
                  </a:lnTo>
                  <a:lnTo>
                    <a:pt x="2737" y="1080"/>
                  </a:lnTo>
                  <a:lnTo>
                    <a:pt x="2730" y="1079"/>
                  </a:lnTo>
                  <a:lnTo>
                    <a:pt x="2730" y="1079"/>
                  </a:lnTo>
                  <a:lnTo>
                    <a:pt x="2725" y="1073"/>
                  </a:lnTo>
                  <a:lnTo>
                    <a:pt x="2720" y="1069"/>
                  </a:lnTo>
                  <a:lnTo>
                    <a:pt x="2709" y="1060"/>
                  </a:lnTo>
                  <a:lnTo>
                    <a:pt x="2706" y="1060"/>
                  </a:lnTo>
                  <a:lnTo>
                    <a:pt x="2706" y="1060"/>
                  </a:lnTo>
                  <a:lnTo>
                    <a:pt x="2704" y="1057"/>
                  </a:lnTo>
                  <a:lnTo>
                    <a:pt x="2704" y="1053"/>
                  </a:lnTo>
                  <a:lnTo>
                    <a:pt x="2704" y="1042"/>
                  </a:lnTo>
                  <a:lnTo>
                    <a:pt x="2704" y="1032"/>
                  </a:lnTo>
                  <a:lnTo>
                    <a:pt x="2702" y="1029"/>
                  </a:lnTo>
                  <a:lnTo>
                    <a:pt x="2699" y="1026"/>
                  </a:lnTo>
                  <a:lnTo>
                    <a:pt x="2699" y="1026"/>
                  </a:lnTo>
                  <a:lnTo>
                    <a:pt x="2701" y="1010"/>
                  </a:lnTo>
                  <a:lnTo>
                    <a:pt x="2701" y="995"/>
                  </a:lnTo>
                  <a:lnTo>
                    <a:pt x="2698" y="981"/>
                  </a:lnTo>
                  <a:lnTo>
                    <a:pt x="2696" y="969"/>
                  </a:lnTo>
                  <a:lnTo>
                    <a:pt x="2689" y="944"/>
                  </a:lnTo>
                  <a:lnTo>
                    <a:pt x="2684" y="918"/>
                  </a:lnTo>
                  <a:lnTo>
                    <a:pt x="2684" y="918"/>
                  </a:lnTo>
                  <a:lnTo>
                    <a:pt x="2683" y="903"/>
                  </a:lnTo>
                  <a:lnTo>
                    <a:pt x="2682" y="896"/>
                  </a:lnTo>
                  <a:lnTo>
                    <a:pt x="2679" y="890"/>
                  </a:lnTo>
                  <a:lnTo>
                    <a:pt x="2679" y="890"/>
                  </a:lnTo>
                  <a:lnTo>
                    <a:pt x="2674" y="875"/>
                  </a:lnTo>
                  <a:lnTo>
                    <a:pt x="2670" y="861"/>
                  </a:lnTo>
                  <a:lnTo>
                    <a:pt x="2664" y="827"/>
                  </a:lnTo>
                  <a:lnTo>
                    <a:pt x="2660" y="793"/>
                  </a:lnTo>
                  <a:lnTo>
                    <a:pt x="2655" y="760"/>
                  </a:lnTo>
                  <a:lnTo>
                    <a:pt x="2652" y="725"/>
                  </a:lnTo>
                  <a:lnTo>
                    <a:pt x="2646" y="691"/>
                  </a:lnTo>
                  <a:lnTo>
                    <a:pt x="2639" y="660"/>
                  </a:lnTo>
                  <a:lnTo>
                    <a:pt x="2635" y="646"/>
                  </a:lnTo>
                  <a:lnTo>
                    <a:pt x="2629" y="632"/>
                  </a:lnTo>
                  <a:lnTo>
                    <a:pt x="2629" y="632"/>
                  </a:lnTo>
                  <a:lnTo>
                    <a:pt x="2620" y="597"/>
                  </a:lnTo>
                  <a:lnTo>
                    <a:pt x="2610" y="565"/>
                  </a:lnTo>
                  <a:lnTo>
                    <a:pt x="2598" y="534"/>
                  </a:lnTo>
                  <a:lnTo>
                    <a:pt x="2583" y="504"/>
                  </a:lnTo>
                  <a:lnTo>
                    <a:pt x="2569" y="476"/>
                  </a:lnTo>
                  <a:lnTo>
                    <a:pt x="2554" y="448"/>
                  </a:lnTo>
                  <a:lnTo>
                    <a:pt x="2520" y="395"/>
                  </a:lnTo>
                  <a:lnTo>
                    <a:pt x="2520" y="395"/>
                  </a:lnTo>
                  <a:lnTo>
                    <a:pt x="2512" y="386"/>
                  </a:lnTo>
                  <a:lnTo>
                    <a:pt x="2504" y="376"/>
                  </a:lnTo>
                  <a:lnTo>
                    <a:pt x="2491" y="354"/>
                  </a:lnTo>
                  <a:lnTo>
                    <a:pt x="2477" y="332"/>
                  </a:lnTo>
                  <a:lnTo>
                    <a:pt x="2469" y="324"/>
                  </a:lnTo>
                  <a:lnTo>
                    <a:pt x="2459" y="315"/>
                  </a:lnTo>
                  <a:lnTo>
                    <a:pt x="2459" y="315"/>
                  </a:lnTo>
                  <a:lnTo>
                    <a:pt x="2455" y="306"/>
                  </a:lnTo>
                  <a:lnTo>
                    <a:pt x="2449" y="299"/>
                  </a:lnTo>
                  <a:lnTo>
                    <a:pt x="2436" y="287"/>
                  </a:lnTo>
                  <a:lnTo>
                    <a:pt x="2436" y="287"/>
                  </a:lnTo>
                  <a:lnTo>
                    <a:pt x="2425" y="274"/>
                  </a:lnTo>
                  <a:lnTo>
                    <a:pt x="2415" y="262"/>
                  </a:lnTo>
                  <a:lnTo>
                    <a:pt x="2405" y="250"/>
                  </a:lnTo>
                  <a:lnTo>
                    <a:pt x="2392" y="240"/>
                  </a:lnTo>
                  <a:lnTo>
                    <a:pt x="2392" y="240"/>
                  </a:lnTo>
                  <a:lnTo>
                    <a:pt x="2387" y="234"/>
                  </a:lnTo>
                  <a:lnTo>
                    <a:pt x="2381" y="228"/>
                  </a:lnTo>
                  <a:lnTo>
                    <a:pt x="2374" y="223"/>
                  </a:lnTo>
                  <a:lnTo>
                    <a:pt x="2367" y="220"/>
                  </a:lnTo>
                  <a:lnTo>
                    <a:pt x="2367" y="220"/>
                  </a:lnTo>
                  <a:lnTo>
                    <a:pt x="2364" y="214"/>
                  </a:lnTo>
                  <a:lnTo>
                    <a:pt x="2358" y="209"/>
                  </a:lnTo>
                  <a:lnTo>
                    <a:pt x="2346" y="203"/>
                  </a:lnTo>
                  <a:lnTo>
                    <a:pt x="2346" y="203"/>
                  </a:lnTo>
                  <a:lnTo>
                    <a:pt x="2337" y="196"/>
                  </a:lnTo>
                  <a:lnTo>
                    <a:pt x="2329" y="190"/>
                  </a:lnTo>
                  <a:lnTo>
                    <a:pt x="2320" y="184"/>
                  </a:lnTo>
                  <a:lnTo>
                    <a:pt x="2311" y="179"/>
                  </a:lnTo>
                  <a:lnTo>
                    <a:pt x="2311" y="179"/>
                  </a:lnTo>
                  <a:lnTo>
                    <a:pt x="2308" y="177"/>
                  </a:lnTo>
                  <a:lnTo>
                    <a:pt x="2307" y="176"/>
                  </a:lnTo>
                  <a:lnTo>
                    <a:pt x="2304" y="173"/>
                  </a:lnTo>
                  <a:lnTo>
                    <a:pt x="2299" y="173"/>
                  </a:lnTo>
                  <a:lnTo>
                    <a:pt x="2299" y="173"/>
                  </a:lnTo>
                  <a:lnTo>
                    <a:pt x="2295" y="167"/>
                  </a:lnTo>
                  <a:lnTo>
                    <a:pt x="2292" y="164"/>
                  </a:lnTo>
                  <a:lnTo>
                    <a:pt x="2288" y="164"/>
                  </a:lnTo>
                  <a:lnTo>
                    <a:pt x="2288" y="164"/>
                  </a:lnTo>
                  <a:lnTo>
                    <a:pt x="2273" y="152"/>
                  </a:lnTo>
                  <a:lnTo>
                    <a:pt x="2260" y="141"/>
                  </a:lnTo>
                  <a:lnTo>
                    <a:pt x="2252" y="135"/>
                  </a:lnTo>
                  <a:lnTo>
                    <a:pt x="2244" y="130"/>
                  </a:lnTo>
                  <a:lnTo>
                    <a:pt x="2235" y="126"/>
                  </a:lnTo>
                  <a:lnTo>
                    <a:pt x="2225" y="123"/>
                  </a:lnTo>
                  <a:lnTo>
                    <a:pt x="2225" y="123"/>
                  </a:lnTo>
                  <a:lnTo>
                    <a:pt x="2207" y="114"/>
                  </a:lnTo>
                  <a:lnTo>
                    <a:pt x="2187" y="105"/>
                  </a:lnTo>
                  <a:lnTo>
                    <a:pt x="2166" y="101"/>
                  </a:lnTo>
                  <a:lnTo>
                    <a:pt x="2144" y="97"/>
                  </a:lnTo>
                  <a:lnTo>
                    <a:pt x="2121" y="95"/>
                  </a:lnTo>
                  <a:lnTo>
                    <a:pt x="2096" y="95"/>
                  </a:lnTo>
                  <a:lnTo>
                    <a:pt x="2069" y="97"/>
                  </a:lnTo>
                  <a:lnTo>
                    <a:pt x="2043" y="100"/>
                  </a:lnTo>
                  <a:lnTo>
                    <a:pt x="2043" y="100"/>
                  </a:lnTo>
                  <a:lnTo>
                    <a:pt x="2027" y="76"/>
                  </a:lnTo>
                  <a:lnTo>
                    <a:pt x="2017" y="64"/>
                  </a:lnTo>
                  <a:lnTo>
                    <a:pt x="2006" y="54"/>
                  </a:lnTo>
                  <a:lnTo>
                    <a:pt x="1996" y="45"/>
                  </a:lnTo>
                  <a:lnTo>
                    <a:pt x="1984" y="37"/>
                  </a:lnTo>
                  <a:lnTo>
                    <a:pt x="1971" y="29"/>
                  </a:lnTo>
                  <a:lnTo>
                    <a:pt x="1957" y="22"/>
                  </a:lnTo>
                  <a:lnTo>
                    <a:pt x="1957" y="22"/>
                  </a:lnTo>
                  <a:lnTo>
                    <a:pt x="1952" y="15"/>
                  </a:lnTo>
                  <a:lnTo>
                    <a:pt x="1946" y="10"/>
                  </a:lnTo>
                  <a:lnTo>
                    <a:pt x="1938" y="7"/>
                  </a:lnTo>
                  <a:lnTo>
                    <a:pt x="1929" y="4"/>
                  </a:lnTo>
                  <a:lnTo>
                    <a:pt x="1919" y="3"/>
                  </a:lnTo>
                  <a:lnTo>
                    <a:pt x="1907" y="3"/>
                  </a:lnTo>
                  <a:lnTo>
                    <a:pt x="1883" y="3"/>
                  </a:lnTo>
                  <a:lnTo>
                    <a:pt x="1864" y="3"/>
                  </a:lnTo>
                  <a:lnTo>
                    <a:pt x="1864" y="3"/>
                  </a:lnTo>
                  <a:lnTo>
                    <a:pt x="1860" y="1"/>
                  </a:lnTo>
                  <a:lnTo>
                    <a:pt x="1854" y="0"/>
                  </a:lnTo>
                  <a:lnTo>
                    <a:pt x="1841" y="0"/>
                  </a:lnTo>
                  <a:lnTo>
                    <a:pt x="1826" y="1"/>
                  </a:lnTo>
                  <a:lnTo>
                    <a:pt x="1813" y="0"/>
                  </a:lnTo>
                  <a:lnTo>
                    <a:pt x="1794" y="0"/>
                  </a:lnTo>
                  <a:lnTo>
                    <a:pt x="1794" y="0"/>
                  </a:lnTo>
                  <a:lnTo>
                    <a:pt x="1779" y="1"/>
                  </a:lnTo>
                  <a:lnTo>
                    <a:pt x="1765" y="0"/>
                  </a:lnTo>
                  <a:lnTo>
                    <a:pt x="1750" y="0"/>
                  </a:lnTo>
                  <a:lnTo>
                    <a:pt x="1744" y="1"/>
                  </a:lnTo>
                  <a:lnTo>
                    <a:pt x="1738" y="3"/>
                  </a:lnTo>
                  <a:lnTo>
                    <a:pt x="1738" y="3"/>
                  </a:lnTo>
                  <a:lnTo>
                    <a:pt x="1715" y="9"/>
                  </a:lnTo>
                  <a:lnTo>
                    <a:pt x="1690" y="13"/>
                  </a:lnTo>
                  <a:lnTo>
                    <a:pt x="1667" y="18"/>
                  </a:lnTo>
                  <a:lnTo>
                    <a:pt x="1656" y="20"/>
                  </a:lnTo>
                  <a:lnTo>
                    <a:pt x="1646" y="25"/>
                  </a:lnTo>
                  <a:lnTo>
                    <a:pt x="1637" y="25"/>
                  </a:lnTo>
                  <a:lnTo>
                    <a:pt x="1637" y="25"/>
                  </a:lnTo>
                  <a:lnTo>
                    <a:pt x="1604" y="32"/>
                  </a:lnTo>
                  <a:lnTo>
                    <a:pt x="1573" y="40"/>
                  </a:lnTo>
                  <a:lnTo>
                    <a:pt x="1544" y="50"/>
                  </a:lnTo>
                  <a:lnTo>
                    <a:pt x="1514" y="61"/>
                  </a:lnTo>
                  <a:lnTo>
                    <a:pt x="1460" y="86"/>
                  </a:lnTo>
                  <a:lnTo>
                    <a:pt x="1406" y="111"/>
                  </a:lnTo>
                  <a:lnTo>
                    <a:pt x="1406" y="111"/>
                  </a:lnTo>
                  <a:lnTo>
                    <a:pt x="1397" y="119"/>
                  </a:lnTo>
                  <a:lnTo>
                    <a:pt x="1385" y="124"/>
                  </a:lnTo>
                  <a:lnTo>
                    <a:pt x="1375" y="129"/>
                  </a:lnTo>
                  <a:lnTo>
                    <a:pt x="1366" y="136"/>
                  </a:lnTo>
                  <a:lnTo>
                    <a:pt x="1366" y="136"/>
                  </a:lnTo>
                  <a:lnTo>
                    <a:pt x="1352" y="145"/>
                  </a:lnTo>
                  <a:lnTo>
                    <a:pt x="1337" y="154"/>
                  </a:lnTo>
                  <a:lnTo>
                    <a:pt x="1325" y="165"/>
                  </a:lnTo>
                  <a:lnTo>
                    <a:pt x="1314" y="176"/>
                  </a:lnTo>
                  <a:lnTo>
                    <a:pt x="1314" y="176"/>
                  </a:lnTo>
                  <a:lnTo>
                    <a:pt x="1289" y="199"/>
                  </a:lnTo>
                  <a:lnTo>
                    <a:pt x="1265" y="225"/>
                  </a:lnTo>
                  <a:lnTo>
                    <a:pt x="1243" y="250"/>
                  </a:lnTo>
                  <a:lnTo>
                    <a:pt x="1223" y="278"/>
                  </a:lnTo>
                  <a:lnTo>
                    <a:pt x="1204" y="307"/>
                  </a:lnTo>
                  <a:lnTo>
                    <a:pt x="1185" y="337"/>
                  </a:lnTo>
                  <a:lnTo>
                    <a:pt x="1167" y="367"/>
                  </a:lnTo>
                  <a:lnTo>
                    <a:pt x="1151" y="400"/>
                  </a:lnTo>
                  <a:lnTo>
                    <a:pt x="1136" y="432"/>
                  </a:lnTo>
                  <a:lnTo>
                    <a:pt x="1122" y="466"/>
                  </a:lnTo>
                  <a:lnTo>
                    <a:pt x="1107" y="499"/>
                  </a:lnTo>
                  <a:lnTo>
                    <a:pt x="1094" y="534"/>
                  </a:lnTo>
                  <a:lnTo>
                    <a:pt x="1071" y="606"/>
                  </a:lnTo>
                  <a:lnTo>
                    <a:pt x="1049" y="681"/>
                  </a:lnTo>
                  <a:lnTo>
                    <a:pt x="1049" y="681"/>
                  </a:lnTo>
                  <a:lnTo>
                    <a:pt x="1046" y="685"/>
                  </a:lnTo>
                  <a:lnTo>
                    <a:pt x="1044" y="690"/>
                  </a:lnTo>
                  <a:lnTo>
                    <a:pt x="1043" y="700"/>
                  </a:lnTo>
                  <a:lnTo>
                    <a:pt x="1043" y="700"/>
                  </a:lnTo>
                  <a:lnTo>
                    <a:pt x="1038" y="703"/>
                  </a:lnTo>
                  <a:lnTo>
                    <a:pt x="1038" y="706"/>
                  </a:lnTo>
                  <a:lnTo>
                    <a:pt x="1040" y="709"/>
                  </a:lnTo>
                  <a:lnTo>
                    <a:pt x="1041" y="711"/>
                  </a:lnTo>
                  <a:lnTo>
                    <a:pt x="1044" y="717"/>
                  </a:lnTo>
                  <a:lnTo>
                    <a:pt x="1044" y="719"/>
                  </a:lnTo>
                  <a:lnTo>
                    <a:pt x="1043" y="722"/>
                  </a:lnTo>
                  <a:lnTo>
                    <a:pt x="1043" y="722"/>
                  </a:lnTo>
                  <a:lnTo>
                    <a:pt x="1041" y="717"/>
                  </a:lnTo>
                  <a:lnTo>
                    <a:pt x="1041" y="714"/>
                  </a:lnTo>
                  <a:lnTo>
                    <a:pt x="1038" y="713"/>
                  </a:lnTo>
                  <a:lnTo>
                    <a:pt x="1035" y="711"/>
                  </a:lnTo>
                  <a:lnTo>
                    <a:pt x="1035" y="711"/>
                  </a:lnTo>
                  <a:lnTo>
                    <a:pt x="1032" y="726"/>
                  </a:lnTo>
                  <a:lnTo>
                    <a:pt x="1027" y="739"/>
                  </a:lnTo>
                  <a:lnTo>
                    <a:pt x="1027" y="742"/>
                  </a:lnTo>
                  <a:lnTo>
                    <a:pt x="1027" y="742"/>
                  </a:lnTo>
                  <a:lnTo>
                    <a:pt x="1024" y="748"/>
                  </a:lnTo>
                  <a:lnTo>
                    <a:pt x="1021" y="754"/>
                  </a:lnTo>
                  <a:lnTo>
                    <a:pt x="1018" y="767"/>
                  </a:lnTo>
                  <a:lnTo>
                    <a:pt x="1018" y="767"/>
                  </a:lnTo>
                  <a:lnTo>
                    <a:pt x="1009" y="791"/>
                  </a:lnTo>
                  <a:lnTo>
                    <a:pt x="1002" y="814"/>
                  </a:lnTo>
                  <a:lnTo>
                    <a:pt x="1002" y="814"/>
                  </a:lnTo>
                  <a:lnTo>
                    <a:pt x="997" y="826"/>
                  </a:lnTo>
                  <a:lnTo>
                    <a:pt x="991" y="837"/>
                  </a:lnTo>
                  <a:lnTo>
                    <a:pt x="987" y="849"/>
                  </a:lnTo>
                  <a:lnTo>
                    <a:pt x="984" y="862"/>
                  </a:lnTo>
                  <a:lnTo>
                    <a:pt x="984" y="862"/>
                  </a:lnTo>
                  <a:lnTo>
                    <a:pt x="972" y="902"/>
                  </a:lnTo>
                  <a:lnTo>
                    <a:pt x="959" y="940"/>
                  </a:lnTo>
                  <a:lnTo>
                    <a:pt x="959" y="940"/>
                  </a:lnTo>
                  <a:lnTo>
                    <a:pt x="950" y="963"/>
                  </a:lnTo>
                  <a:lnTo>
                    <a:pt x="945" y="990"/>
                  </a:lnTo>
                  <a:lnTo>
                    <a:pt x="939" y="1016"/>
                  </a:lnTo>
                  <a:lnTo>
                    <a:pt x="934" y="1044"/>
                  </a:lnTo>
                  <a:lnTo>
                    <a:pt x="934" y="1044"/>
                  </a:lnTo>
                  <a:lnTo>
                    <a:pt x="923" y="1098"/>
                  </a:lnTo>
                  <a:lnTo>
                    <a:pt x="917" y="1124"/>
                  </a:lnTo>
                  <a:lnTo>
                    <a:pt x="909" y="1149"/>
                  </a:lnTo>
                  <a:lnTo>
                    <a:pt x="909" y="1149"/>
                  </a:lnTo>
                  <a:lnTo>
                    <a:pt x="907" y="1155"/>
                  </a:lnTo>
                  <a:lnTo>
                    <a:pt x="905" y="1162"/>
                  </a:lnTo>
                  <a:lnTo>
                    <a:pt x="904" y="1177"/>
                  </a:lnTo>
                  <a:lnTo>
                    <a:pt x="904" y="1177"/>
                  </a:lnTo>
                  <a:lnTo>
                    <a:pt x="904" y="1184"/>
                  </a:lnTo>
                  <a:lnTo>
                    <a:pt x="901" y="1190"/>
                  </a:lnTo>
                  <a:lnTo>
                    <a:pt x="898" y="1198"/>
                  </a:lnTo>
                  <a:lnTo>
                    <a:pt x="898" y="1205"/>
                  </a:lnTo>
                  <a:lnTo>
                    <a:pt x="898" y="1205"/>
                  </a:lnTo>
                  <a:lnTo>
                    <a:pt x="880" y="1255"/>
                  </a:lnTo>
                  <a:lnTo>
                    <a:pt x="863" y="1304"/>
                  </a:lnTo>
                  <a:lnTo>
                    <a:pt x="857" y="1331"/>
                  </a:lnTo>
                  <a:lnTo>
                    <a:pt x="849" y="1359"/>
                  </a:lnTo>
                  <a:lnTo>
                    <a:pt x="845" y="1386"/>
                  </a:lnTo>
                  <a:lnTo>
                    <a:pt x="842" y="1417"/>
                  </a:lnTo>
                  <a:lnTo>
                    <a:pt x="842" y="1417"/>
                  </a:lnTo>
                  <a:lnTo>
                    <a:pt x="841" y="1420"/>
                  </a:lnTo>
                  <a:lnTo>
                    <a:pt x="839" y="1423"/>
                  </a:lnTo>
                  <a:lnTo>
                    <a:pt x="839" y="1432"/>
                  </a:lnTo>
                  <a:lnTo>
                    <a:pt x="839" y="1442"/>
                  </a:lnTo>
                  <a:lnTo>
                    <a:pt x="839" y="1451"/>
                  </a:lnTo>
                  <a:lnTo>
                    <a:pt x="839" y="1451"/>
                  </a:lnTo>
                  <a:lnTo>
                    <a:pt x="839" y="1464"/>
                  </a:lnTo>
                  <a:lnTo>
                    <a:pt x="839" y="1477"/>
                  </a:lnTo>
                  <a:lnTo>
                    <a:pt x="842" y="1501"/>
                  </a:lnTo>
                  <a:lnTo>
                    <a:pt x="842" y="1549"/>
                  </a:lnTo>
                  <a:lnTo>
                    <a:pt x="842" y="1549"/>
                  </a:lnTo>
                  <a:lnTo>
                    <a:pt x="842" y="1561"/>
                  </a:lnTo>
                  <a:lnTo>
                    <a:pt x="842" y="1574"/>
                  </a:lnTo>
                  <a:lnTo>
                    <a:pt x="842" y="1584"/>
                  </a:lnTo>
                  <a:lnTo>
                    <a:pt x="844" y="1588"/>
                  </a:lnTo>
                  <a:lnTo>
                    <a:pt x="845" y="1593"/>
                  </a:lnTo>
                  <a:lnTo>
                    <a:pt x="845" y="1618"/>
                  </a:lnTo>
                  <a:lnTo>
                    <a:pt x="845" y="1618"/>
                  </a:lnTo>
                  <a:lnTo>
                    <a:pt x="845" y="1628"/>
                  </a:lnTo>
                  <a:lnTo>
                    <a:pt x="845" y="1640"/>
                  </a:lnTo>
                  <a:lnTo>
                    <a:pt x="845" y="1650"/>
                  </a:lnTo>
                  <a:lnTo>
                    <a:pt x="846" y="1654"/>
                  </a:lnTo>
                  <a:lnTo>
                    <a:pt x="848" y="1657"/>
                  </a:lnTo>
                  <a:lnTo>
                    <a:pt x="848" y="1676"/>
                  </a:lnTo>
                  <a:lnTo>
                    <a:pt x="848" y="1676"/>
                  </a:lnTo>
                  <a:lnTo>
                    <a:pt x="851" y="1678"/>
                  </a:lnTo>
                  <a:lnTo>
                    <a:pt x="851" y="1681"/>
                  </a:lnTo>
                  <a:lnTo>
                    <a:pt x="852" y="1689"/>
                  </a:lnTo>
                  <a:lnTo>
                    <a:pt x="851" y="1698"/>
                  </a:lnTo>
                  <a:lnTo>
                    <a:pt x="851" y="1707"/>
                  </a:lnTo>
                  <a:lnTo>
                    <a:pt x="851" y="1707"/>
                  </a:lnTo>
                  <a:lnTo>
                    <a:pt x="864" y="1751"/>
                  </a:lnTo>
                  <a:lnTo>
                    <a:pt x="877" y="1795"/>
                  </a:lnTo>
                  <a:lnTo>
                    <a:pt x="885" y="1815"/>
                  </a:lnTo>
                  <a:lnTo>
                    <a:pt x="893" y="1836"/>
                  </a:lnTo>
                  <a:lnTo>
                    <a:pt x="902" y="1855"/>
                  </a:lnTo>
                  <a:lnTo>
                    <a:pt x="912" y="1872"/>
                  </a:lnTo>
                  <a:lnTo>
                    <a:pt x="912" y="1872"/>
                  </a:lnTo>
                  <a:lnTo>
                    <a:pt x="920" y="1887"/>
                  </a:lnTo>
                  <a:lnTo>
                    <a:pt x="923" y="1896"/>
                  </a:lnTo>
                  <a:lnTo>
                    <a:pt x="926" y="1903"/>
                  </a:lnTo>
                  <a:lnTo>
                    <a:pt x="926" y="1903"/>
                  </a:lnTo>
                  <a:lnTo>
                    <a:pt x="933" y="1912"/>
                  </a:lnTo>
                  <a:lnTo>
                    <a:pt x="939" y="1921"/>
                  </a:lnTo>
                  <a:lnTo>
                    <a:pt x="950" y="1940"/>
                  </a:lnTo>
                  <a:lnTo>
                    <a:pt x="961" y="1959"/>
                  </a:lnTo>
                  <a:lnTo>
                    <a:pt x="971" y="1978"/>
                  </a:lnTo>
                  <a:lnTo>
                    <a:pt x="971" y="1978"/>
                  </a:lnTo>
                  <a:lnTo>
                    <a:pt x="972" y="1984"/>
                  </a:lnTo>
                  <a:lnTo>
                    <a:pt x="975" y="1988"/>
                  </a:lnTo>
                  <a:lnTo>
                    <a:pt x="978" y="1992"/>
                  </a:lnTo>
                  <a:lnTo>
                    <a:pt x="981" y="1995"/>
                  </a:lnTo>
                  <a:lnTo>
                    <a:pt x="981" y="1995"/>
                  </a:lnTo>
                  <a:lnTo>
                    <a:pt x="987" y="2001"/>
                  </a:lnTo>
                  <a:lnTo>
                    <a:pt x="991" y="2006"/>
                  </a:lnTo>
                  <a:lnTo>
                    <a:pt x="996" y="2013"/>
                  </a:lnTo>
                  <a:lnTo>
                    <a:pt x="999" y="2020"/>
                  </a:lnTo>
                  <a:lnTo>
                    <a:pt x="999" y="2023"/>
                  </a:lnTo>
                  <a:lnTo>
                    <a:pt x="999" y="2023"/>
                  </a:lnTo>
                  <a:lnTo>
                    <a:pt x="1013" y="2041"/>
                  </a:lnTo>
                  <a:lnTo>
                    <a:pt x="1030" y="2055"/>
                  </a:lnTo>
                  <a:lnTo>
                    <a:pt x="1057" y="2083"/>
                  </a:lnTo>
                  <a:lnTo>
                    <a:pt x="1085" y="2111"/>
                  </a:lnTo>
                  <a:lnTo>
                    <a:pt x="1097" y="2126"/>
                  </a:lnTo>
                  <a:lnTo>
                    <a:pt x="1110" y="2140"/>
                  </a:lnTo>
                  <a:lnTo>
                    <a:pt x="1110" y="2140"/>
                  </a:lnTo>
                  <a:lnTo>
                    <a:pt x="1112" y="2145"/>
                  </a:lnTo>
                  <a:lnTo>
                    <a:pt x="1113" y="2149"/>
                  </a:lnTo>
                  <a:lnTo>
                    <a:pt x="1113" y="2161"/>
                  </a:lnTo>
                  <a:lnTo>
                    <a:pt x="1113" y="2172"/>
                  </a:lnTo>
                  <a:lnTo>
                    <a:pt x="1113" y="2184"/>
                  </a:lnTo>
                  <a:lnTo>
                    <a:pt x="1113" y="2184"/>
                  </a:lnTo>
                  <a:lnTo>
                    <a:pt x="1116" y="2189"/>
                  </a:lnTo>
                  <a:lnTo>
                    <a:pt x="1119" y="2193"/>
                  </a:lnTo>
                  <a:lnTo>
                    <a:pt x="1122" y="2196"/>
                  </a:lnTo>
                  <a:lnTo>
                    <a:pt x="1125" y="2196"/>
                  </a:lnTo>
                  <a:lnTo>
                    <a:pt x="1129" y="2196"/>
                  </a:lnTo>
                  <a:lnTo>
                    <a:pt x="1129" y="2196"/>
                  </a:lnTo>
                  <a:lnTo>
                    <a:pt x="1131" y="2193"/>
                  </a:lnTo>
                  <a:lnTo>
                    <a:pt x="1135" y="2193"/>
                  </a:lnTo>
                  <a:lnTo>
                    <a:pt x="1135" y="2193"/>
                  </a:lnTo>
                  <a:lnTo>
                    <a:pt x="1135" y="2180"/>
                  </a:lnTo>
                  <a:lnTo>
                    <a:pt x="1135" y="2167"/>
                  </a:lnTo>
                  <a:lnTo>
                    <a:pt x="1135" y="2153"/>
                  </a:lnTo>
                  <a:lnTo>
                    <a:pt x="1135" y="2149"/>
                  </a:lnTo>
                  <a:lnTo>
                    <a:pt x="1138" y="2143"/>
                  </a:lnTo>
                  <a:lnTo>
                    <a:pt x="1138" y="2143"/>
                  </a:lnTo>
                  <a:lnTo>
                    <a:pt x="1142" y="2145"/>
                  </a:lnTo>
                  <a:lnTo>
                    <a:pt x="1144" y="2145"/>
                  </a:lnTo>
                  <a:lnTo>
                    <a:pt x="1144" y="2148"/>
                  </a:lnTo>
                  <a:lnTo>
                    <a:pt x="1144" y="2148"/>
                  </a:lnTo>
                  <a:lnTo>
                    <a:pt x="1156" y="2151"/>
                  </a:lnTo>
                  <a:lnTo>
                    <a:pt x="1167" y="2155"/>
                  </a:lnTo>
                  <a:lnTo>
                    <a:pt x="1177" y="2158"/>
                  </a:lnTo>
                  <a:lnTo>
                    <a:pt x="1183" y="2162"/>
                  </a:lnTo>
                  <a:lnTo>
                    <a:pt x="1183" y="2162"/>
                  </a:lnTo>
                  <a:lnTo>
                    <a:pt x="1199" y="2162"/>
                  </a:lnTo>
                  <a:lnTo>
                    <a:pt x="1205" y="2165"/>
                  </a:lnTo>
                  <a:lnTo>
                    <a:pt x="1207" y="2167"/>
                  </a:lnTo>
                  <a:lnTo>
                    <a:pt x="1208" y="2168"/>
                  </a:lnTo>
                  <a:lnTo>
                    <a:pt x="1211" y="2168"/>
                  </a:lnTo>
                  <a:lnTo>
                    <a:pt x="1211" y="2168"/>
                  </a:lnTo>
                  <a:lnTo>
                    <a:pt x="1230" y="2170"/>
                  </a:lnTo>
                  <a:lnTo>
                    <a:pt x="1248" y="2172"/>
                  </a:lnTo>
                  <a:lnTo>
                    <a:pt x="1255" y="2175"/>
                  </a:lnTo>
                  <a:lnTo>
                    <a:pt x="1261" y="2178"/>
                  </a:lnTo>
                  <a:lnTo>
                    <a:pt x="1267" y="2184"/>
                  </a:lnTo>
                  <a:lnTo>
                    <a:pt x="1270" y="2190"/>
                  </a:lnTo>
                  <a:lnTo>
                    <a:pt x="1270" y="2190"/>
                  </a:lnTo>
                  <a:lnTo>
                    <a:pt x="1271" y="2193"/>
                  </a:lnTo>
                  <a:lnTo>
                    <a:pt x="1273" y="2194"/>
                  </a:lnTo>
                  <a:lnTo>
                    <a:pt x="1276" y="2197"/>
                  </a:lnTo>
                  <a:lnTo>
                    <a:pt x="1277" y="2199"/>
                  </a:lnTo>
                  <a:lnTo>
                    <a:pt x="1277" y="2199"/>
                  </a:lnTo>
                  <a:lnTo>
                    <a:pt x="1267" y="2205"/>
                  </a:lnTo>
                  <a:lnTo>
                    <a:pt x="1254" y="2209"/>
                  </a:lnTo>
                  <a:lnTo>
                    <a:pt x="1240" y="2212"/>
                  </a:lnTo>
                  <a:lnTo>
                    <a:pt x="1227" y="2215"/>
                  </a:lnTo>
                  <a:lnTo>
                    <a:pt x="1227" y="2215"/>
                  </a:lnTo>
                  <a:lnTo>
                    <a:pt x="1207" y="2222"/>
                  </a:lnTo>
                  <a:lnTo>
                    <a:pt x="1185" y="2230"/>
                  </a:lnTo>
                  <a:lnTo>
                    <a:pt x="1141" y="2243"/>
                  </a:lnTo>
                  <a:lnTo>
                    <a:pt x="1141" y="2243"/>
                  </a:lnTo>
                  <a:lnTo>
                    <a:pt x="1129" y="2247"/>
                  </a:lnTo>
                  <a:lnTo>
                    <a:pt x="1116" y="2252"/>
                  </a:lnTo>
                  <a:lnTo>
                    <a:pt x="1103" y="2256"/>
                  </a:lnTo>
                  <a:lnTo>
                    <a:pt x="1088" y="2257"/>
                  </a:lnTo>
                  <a:lnTo>
                    <a:pt x="1088" y="2257"/>
                  </a:lnTo>
                  <a:lnTo>
                    <a:pt x="1075" y="2263"/>
                  </a:lnTo>
                  <a:lnTo>
                    <a:pt x="1059" y="2268"/>
                  </a:lnTo>
                  <a:lnTo>
                    <a:pt x="1043" y="2272"/>
                  </a:lnTo>
                  <a:lnTo>
                    <a:pt x="1027" y="2276"/>
                  </a:lnTo>
                  <a:lnTo>
                    <a:pt x="1027" y="2276"/>
                  </a:lnTo>
                  <a:lnTo>
                    <a:pt x="1025" y="2278"/>
                  </a:lnTo>
                  <a:lnTo>
                    <a:pt x="1022" y="2279"/>
                  </a:lnTo>
                  <a:lnTo>
                    <a:pt x="1016" y="2282"/>
                  </a:lnTo>
                  <a:lnTo>
                    <a:pt x="1009" y="2284"/>
                  </a:lnTo>
                  <a:lnTo>
                    <a:pt x="1006" y="2284"/>
                  </a:lnTo>
                  <a:lnTo>
                    <a:pt x="1005" y="2282"/>
                  </a:lnTo>
                  <a:lnTo>
                    <a:pt x="1005" y="2282"/>
                  </a:lnTo>
                  <a:lnTo>
                    <a:pt x="977" y="2294"/>
                  </a:lnTo>
                  <a:lnTo>
                    <a:pt x="948" y="2303"/>
                  </a:lnTo>
                  <a:lnTo>
                    <a:pt x="886" y="2320"/>
                  </a:lnTo>
                  <a:lnTo>
                    <a:pt x="823" y="2336"/>
                  </a:lnTo>
                  <a:lnTo>
                    <a:pt x="762" y="2354"/>
                  </a:lnTo>
                  <a:lnTo>
                    <a:pt x="762" y="2354"/>
                  </a:lnTo>
                  <a:lnTo>
                    <a:pt x="757" y="2357"/>
                  </a:lnTo>
                  <a:lnTo>
                    <a:pt x="751" y="2360"/>
                  </a:lnTo>
                  <a:lnTo>
                    <a:pt x="745" y="2361"/>
                  </a:lnTo>
                  <a:lnTo>
                    <a:pt x="737" y="2363"/>
                  </a:lnTo>
                  <a:lnTo>
                    <a:pt x="737" y="2363"/>
                  </a:lnTo>
                  <a:lnTo>
                    <a:pt x="703" y="2376"/>
                  </a:lnTo>
                  <a:lnTo>
                    <a:pt x="668" y="2389"/>
                  </a:lnTo>
                  <a:lnTo>
                    <a:pt x="598" y="2414"/>
                  </a:lnTo>
                  <a:lnTo>
                    <a:pt x="562" y="2426"/>
                  </a:lnTo>
                  <a:lnTo>
                    <a:pt x="529" y="2440"/>
                  </a:lnTo>
                  <a:lnTo>
                    <a:pt x="495" y="2455"/>
                  </a:lnTo>
                  <a:lnTo>
                    <a:pt x="463" y="2470"/>
                  </a:lnTo>
                  <a:lnTo>
                    <a:pt x="463" y="2470"/>
                  </a:lnTo>
                  <a:lnTo>
                    <a:pt x="457" y="2476"/>
                  </a:lnTo>
                  <a:lnTo>
                    <a:pt x="450" y="2480"/>
                  </a:lnTo>
                  <a:lnTo>
                    <a:pt x="432" y="2486"/>
                  </a:lnTo>
                  <a:lnTo>
                    <a:pt x="432" y="2486"/>
                  </a:lnTo>
                  <a:lnTo>
                    <a:pt x="407" y="2505"/>
                  </a:lnTo>
                  <a:lnTo>
                    <a:pt x="379" y="2522"/>
                  </a:lnTo>
                  <a:lnTo>
                    <a:pt x="366" y="2533"/>
                  </a:lnTo>
                  <a:lnTo>
                    <a:pt x="354" y="2543"/>
                  </a:lnTo>
                  <a:lnTo>
                    <a:pt x="344" y="2553"/>
                  </a:lnTo>
                  <a:lnTo>
                    <a:pt x="337" y="2563"/>
                  </a:lnTo>
                  <a:lnTo>
                    <a:pt x="337" y="2563"/>
                  </a:lnTo>
                  <a:lnTo>
                    <a:pt x="331" y="2563"/>
                  </a:lnTo>
                  <a:lnTo>
                    <a:pt x="325" y="2565"/>
                  </a:lnTo>
                  <a:lnTo>
                    <a:pt x="322" y="2569"/>
                  </a:lnTo>
                  <a:lnTo>
                    <a:pt x="319" y="2574"/>
                  </a:lnTo>
                  <a:lnTo>
                    <a:pt x="316" y="2578"/>
                  </a:lnTo>
                  <a:lnTo>
                    <a:pt x="312" y="2582"/>
                  </a:lnTo>
                  <a:lnTo>
                    <a:pt x="306" y="2584"/>
                  </a:lnTo>
                  <a:lnTo>
                    <a:pt x="300" y="2584"/>
                  </a:lnTo>
                  <a:lnTo>
                    <a:pt x="300" y="2584"/>
                  </a:lnTo>
                  <a:lnTo>
                    <a:pt x="297" y="2587"/>
                  </a:lnTo>
                  <a:lnTo>
                    <a:pt x="297" y="2590"/>
                  </a:lnTo>
                  <a:lnTo>
                    <a:pt x="299" y="2594"/>
                  </a:lnTo>
                  <a:lnTo>
                    <a:pt x="302" y="2597"/>
                  </a:lnTo>
                  <a:lnTo>
                    <a:pt x="302" y="2598"/>
                  </a:lnTo>
                  <a:lnTo>
                    <a:pt x="300" y="2600"/>
                  </a:lnTo>
                  <a:lnTo>
                    <a:pt x="300" y="2600"/>
                  </a:lnTo>
                  <a:lnTo>
                    <a:pt x="294" y="2598"/>
                  </a:lnTo>
                  <a:lnTo>
                    <a:pt x="290" y="2598"/>
                  </a:lnTo>
                  <a:lnTo>
                    <a:pt x="284" y="2600"/>
                  </a:lnTo>
                  <a:lnTo>
                    <a:pt x="280" y="2603"/>
                  </a:lnTo>
                  <a:lnTo>
                    <a:pt x="269" y="2610"/>
                  </a:lnTo>
                  <a:lnTo>
                    <a:pt x="261" y="2619"/>
                  </a:lnTo>
                  <a:lnTo>
                    <a:pt x="245" y="2638"/>
                  </a:lnTo>
                  <a:lnTo>
                    <a:pt x="237" y="2644"/>
                  </a:lnTo>
                  <a:lnTo>
                    <a:pt x="234" y="2645"/>
                  </a:lnTo>
                  <a:lnTo>
                    <a:pt x="231" y="2645"/>
                  </a:lnTo>
                  <a:lnTo>
                    <a:pt x="231" y="2645"/>
                  </a:lnTo>
                  <a:lnTo>
                    <a:pt x="234" y="2647"/>
                  </a:lnTo>
                  <a:lnTo>
                    <a:pt x="237" y="2648"/>
                  </a:lnTo>
                  <a:lnTo>
                    <a:pt x="237" y="2651"/>
                  </a:lnTo>
                  <a:lnTo>
                    <a:pt x="237" y="2654"/>
                  </a:lnTo>
                  <a:lnTo>
                    <a:pt x="236" y="2656"/>
                  </a:lnTo>
                  <a:lnTo>
                    <a:pt x="233" y="2657"/>
                  </a:lnTo>
                  <a:lnTo>
                    <a:pt x="230" y="2659"/>
                  </a:lnTo>
                  <a:lnTo>
                    <a:pt x="226" y="2659"/>
                  </a:lnTo>
                  <a:lnTo>
                    <a:pt x="226" y="2659"/>
                  </a:lnTo>
                  <a:lnTo>
                    <a:pt x="228" y="2653"/>
                  </a:lnTo>
                  <a:lnTo>
                    <a:pt x="228" y="2650"/>
                  </a:lnTo>
                  <a:lnTo>
                    <a:pt x="228" y="2645"/>
                  </a:lnTo>
                  <a:lnTo>
                    <a:pt x="228" y="2645"/>
                  </a:lnTo>
                  <a:lnTo>
                    <a:pt x="199" y="2673"/>
                  </a:lnTo>
                  <a:lnTo>
                    <a:pt x="168" y="2700"/>
                  </a:lnTo>
                  <a:lnTo>
                    <a:pt x="135" y="2723"/>
                  </a:lnTo>
                  <a:lnTo>
                    <a:pt x="117" y="2735"/>
                  </a:lnTo>
                  <a:lnTo>
                    <a:pt x="100" y="2745"/>
                  </a:lnTo>
                  <a:lnTo>
                    <a:pt x="100" y="2745"/>
                  </a:lnTo>
                  <a:lnTo>
                    <a:pt x="67" y="2773"/>
                  </a:lnTo>
                  <a:lnTo>
                    <a:pt x="51" y="2786"/>
                  </a:lnTo>
                  <a:lnTo>
                    <a:pt x="32" y="2796"/>
                  </a:lnTo>
                  <a:lnTo>
                    <a:pt x="32" y="2796"/>
                  </a:lnTo>
                  <a:lnTo>
                    <a:pt x="19" y="2808"/>
                  </a:lnTo>
                  <a:lnTo>
                    <a:pt x="13" y="2815"/>
                  </a:lnTo>
                  <a:lnTo>
                    <a:pt x="9" y="2821"/>
                  </a:lnTo>
                  <a:lnTo>
                    <a:pt x="4" y="2830"/>
                  </a:lnTo>
                  <a:lnTo>
                    <a:pt x="1" y="2839"/>
                  </a:lnTo>
                  <a:lnTo>
                    <a:pt x="0" y="2849"/>
                  </a:lnTo>
                  <a:lnTo>
                    <a:pt x="1" y="2862"/>
                  </a:lnTo>
                  <a:lnTo>
                    <a:pt x="2263" y="2862"/>
                  </a:lnTo>
                  <a:lnTo>
                    <a:pt x="2263" y="2862"/>
                  </a:lnTo>
                  <a:lnTo>
                    <a:pt x="2851" y="2862"/>
                  </a:lnTo>
                  <a:lnTo>
                    <a:pt x="3840" y="2862"/>
                  </a:lnTo>
                  <a:lnTo>
                    <a:pt x="3840" y="2862"/>
                  </a:lnTo>
                  <a:lnTo>
                    <a:pt x="3840" y="2847"/>
                  </a:lnTo>
                  <a:lnTo>
                    <a:pt x="3839" y="2833"/>
                  </a:lnTo>
                  <a:lnTo>
                    <a:pt x="3833" y="2817"/>
                  </a:lnTo>
                  <a:lnTo>
                    <a:pt x="3827" y="2801"/>
                  </a:lnTo>
                  <a:lnTo>
                    <a:pt x="3811" y="2768"/>
                  </a:lnTo>
                  <a:lnTo>
                    <a:pt x="3796" y="2735"/>
                  </a:lnTo>
                  <a:lnTo>
                    <a:pt x="3796" y="2735"/>
                  </a:lnTo>
                  <a:close/>
                  <a:moveTo>
                    <a:pt x="959" y="1906"/>
                  </a:moveTo>
                  <a:lnTo>
                    <a:pt x="959" y="1906"/>
                  </a:lnTo>
                  <a:lnTo>
                    <a:pt x="956" y="1909"/>
                  </a:lnTo>
                  <a:lnTo>
                    <a:pt x="955" y="1909"/>
                  </a:lnTo>
                  <a:lnTo>
                    <a:pt x="953" y="1908"/>
                  </a:lnTo>
                  <a:lnTo>
                    <a:pt x="953" y="1903"/>
                  </a:lnTo>
                  <a:lnTo>
                    <a:pt x="953" y="1903"/>
                  </a:lnTo>
                  <a:lnTo>
                    <a:pt x="958" y="1903"/>
                  </a:lnTo>
                  <a:lnTo>
                    <a:pt x="959" y="1900"/>
                  </a:lnTo>
                  <a:lnTo>
                    <a:pt x="959" y="1900"/>
                  </a:lnTo>
                  <a:lnTo>
                    <a:pt x="967" y="1913"/>
                  </a:lnTo>
                  <a:lnTo>
                    <a:pt x="974" y="1927"/>
                  </a:lnTo>
                  <a:lnTo>
                    <a:pt x="980" y="1940"/>
                  </a:lnTo>
                  <a:lnTo>
                    <a:pt x="983" y="1947"/>
                  </a:lnTo>
                  <a:lnTo>
                    <a:pt x="984" y="1956"/>
                  </a:lnTo>
                  <a:lnTo>
                    <a:pt x="984" y="1956"/>
                  </a:lnTo>
                  <a:lnTo>
                    <a:pt x="975" y="1946"/>
                  </a:lnTo>
                  <a:lnTo>
                    <a:pt x="968" y="1935"/>
                  </a:lnTo>
                  <a:lnTo>
                    <a:pt x="962" y="1922"/>
                  </a:lnTo>
                  <a:lnTo>
                    <a:pt x="961" y="1915"/>
                  </a:lnTo>
                  <a:lnTo>
                    <a:pt x="959" y="1906"/>
                  </a:lnTo>
                  <a:lnTo>
                    <a:pt x="959" y="1906"/>
                  </a:lnTo>
                  <a:close/>
                  <a:moveTo>
                    <a:pt x="1113" y="2076"/>
                  </a:moveTo>
                  <a:lnTo>
                    <a:pt x="1113" y="2076"/>
                  </a:lnTo>
                  <a:lnTo>
                    <a:pt x="1112" y="2077"/>
                  </a:lnTo>
                  <a:lnTo>
                    <a:pt x="1109" y="2079"/>
                  </a:lnTo>
                  <a:lnTo>
                    <a:pt x="1103" y="2076"/>
                  </a:lnTo>
                  <a:lnTo>
                    <a:pt x="1094" y="2071"/>
                  </a:lnTo>
                  <a:lnTo>
                    <a:pt x="1087" y="2063"/>
                  </a:lnTo>
                  <a:lnTo>
                    <a:pt x="1069" y="2044"/>
                  </a:lnTo>
                  <a:lnTo>
                    <a:pt x="1054" y="2023"/>
                  </a:lnTo>
                  <a:lnTo>
                    <a:pt x="1054" y="2023"/>
                  </a:lnTo>
                  <a:lnTo>
                    <a:pt x="1043" y="2006"/>
                  </a:lnTo>
                  <a:lnTo>
                    <a:pt x="1034" y="1987"/>
                  </a:lnTo>
                  <a:lnTo>
                    <a:pt x="1025" y="1969"/>
                  </a:lnTo>
                  <a:lnTo>
                    <a:pt x="1018" y="1953"/>
                  </a:lnTo>
                  <a:lnTo>
                    <a:pt x="1018" y="1953"/>
                  </a:lnTo>
                  <a:lnTo>
                    <a:pt x="1005" y="1929"/>
                  </a:lnTo>
                  <a:lnTo>
                    <a:pt x="993" y="1903"/>
                  </a:lnTo>
                  <a:lnTo>
                    <a:pt x="984" y="1875"/>
                  </a:lnTo>
                  <a:lnTo>
                    <a:pt x="980" y="1861"/>
                  </a:lnTo>
                  <a:lnTo>
                    <a:pt x="978" y="1845"/>
                  </a:lnTo>
                  <a:lnTo>
                    <a:pt x="978" y="1845"/>
                  </a:lnTo>
                  <a:lnTo>
                    <a:pt x="971" y="1807"/>
                  </a:lnTo>
                  <a:lnTo>
                    <a:pt x="965" y="1766"/>
                  </a:lnTo>
                  <a:lnTo>
                    <a:pt x="965" y="1766"/>
                  </a:lnTo>
                  <a:lnTo>
                    <a:pt x="964" y="1760"/>
                  </a:lnTo>
                  <a:lnTo>
                    <a:pt x="962" y="1754"/>
                  </a:lnTo>
                  <a:lnTo>
                    <a:pt x="962" y="1741"/>
                  </a:lnTo>
                  <a:lnTo>
                    <a:pt x="962" y="1726"/>
                  </a:lnTo>
                  <a:lnTo>
                    <a:pt x="962" y="1713"/>
                  </a:lnTo>
                  <a:lnTo>
                    <a:pt x="962" y="1713"/>
                  </a:lnTo>
                  <a:lnTo>
                    <a:pt x="959" y="1700"/>
                  </a:lnTo>
                  <a:lnTo>
                    <a:pt x="958" y="1684"/>
                  </a:lnTo>
                  <a:lnTo>
                    <a:pt x="959" y="1667"/>
                  </a:lnTo>
                  <a:lnTo>
                    <a:pt x="962" y="1654"/>
                  </a:lnTo>
                  <a:lnTo>
                    <a:pt x="962" y="1629"/>
                  </a:lnTo>
                  <a:lnTo>
                    <a:pt x="962" y="1629"/>
                  </a:lnTo>
                  <a:lnTo>
                    <a:pt x="965" y="1638"/>
                  </a:lnTo>
                  <a:lnTo>
                    <a:pt x="967" y="1648"/>
                  </a:lnTo>
                  <a:lnTo>
                    <a:pt x="968" y="1670"/>
                  </a:lnTo>
                  <a:lnTo>
                    <a:pt x="968" y="1670"/>
                  </a:lnTo>
                  <a:lnTo>
                    <a:pt x="972" y="1700"/>
                  </a:lnTo>
                  <a:lnTo>
                    <a:pt x="978" y="1729"/>
                  </a:lnTo>
                  <a:lnTo>
                    <a:pt x="986" y="1757"/>
                  </a:lnTo>
                  <a:lnTo>
                    <a:pt x="993" y="1783"/>
                  </a:lnTo>
                  <a:lnTo>
                    <a:pt x="1011" y="1836"/>
                  </a:lnTo>
                  <a:lnTo>
                    <a:pt x="1030" y="1886"/>
                  </a:lnTo>
                  <a:lnTo>
                    <a:pt x="1030" y="1886"/>
                  </a:lnTo>
                  <a:lnTo>
                    <a:pt x="1043" y="1903"/>
                  </a:lnTo>
                  <a:lnTo>
                    <a:pt x="1049" y="1913"/>
                  </a:lnTo>
                  <a:lnTo>
                    <a:pt x="1049" y="1918"/>
                  </a:lnTo>
                  <a:lnTo>
                    <a:pt x="1049" y="1922"/>
                  </a:lnTo>
                  <a:lnTo>
                    <a:pt x="1049" y="1922"/>
                  </a:lnTo>
                  <a:lnTo>
                    <a:pt x="1054" y="1937"/>
                  </a:lnTo>
                  <a:lnTo>
                    <a:pt x="1060" y="1950"/>
                  </a:lnTo>
                  <a:lnTo>
                    <a:pt x="1076" y="1976"/>
                  </a:lnTo>
                  <a:lnTo>
                    <a:pt x="1093" y="2001"/>
                  </a:lnTo>
                  <a:lnTo>
                    <a:pt x="1107" y="2028"/>
                  </a:lnTo>
                  <a:lnTo>
                    <a:pt x="1107" y="2028"/>
                  </a:lnTo>
                  <a:lnTo>
                    <a:pt x="1110" y="2030"/>
                  </a:lnTo>
                  <a:lnTo>
                    <a:pt x="1113" y="2035"/>
                  </a:lnTo>
                  <a:lnTo>
                    <a:pt x="1113" y="2041"/>
                  </a:lnTo>
                  <a:lnTo>
                    <a:pt x="1113" y="2048"/>
                  </a:lnTo>
                  <a:lnTo>
                    <a:pt x="1113" y="2063"/>
                  </a:lnTo>
                  <a:lnTo>
                    <a:pt x="1113" y="2070"/>
                  </a:lnTo>
                  <a:lnTo>
                    <a:pt x="1113" y="2076"/>
                  </a:lnTo>
                  <a:lnTo>
                    <a:pt x="1113" y="2076"/>
                  </a:lnTo>
                  <a:close/>
                  <a:moveTo>
                    <a:pt x="1138" y="1833"/>
                  </a:moveTo>
                  <a:lnTo>
                    <a:pt x="1138" y="1833"/>
                  </a:lnTo>
                  <a:lnTo>
                    <a:pt x="1135" y="1826"/>
                  </a:lnTo>
                  <a:lnTo>
                    <a:pt x="1132" y="1818"/>
                  </a:lnTo>
                  <a:lnTo>
                    <a:pt x="1131" y="1809"/>
                  </a:lnTo>
                  <a:lnTo>
                    <a:pt x="1129" y="1802"/>
                  </a:lnTo>
                  <a:lnTo>
                    <a:pt x="1129" y="1802"/>
                  </a:lnTo>
                  <a:lnTo>
                    <a:pt x="1132" y="1804"/>
                  </a:lnTo>
                  <a:lnTo>
                    <a:pt x="1135" y="1807"/>
                  </a:lnTo>
                  <a:lnTo>
                    <a:pt x="1136" y="1811"/>
                  </a:lnTo>
                  <a:lnTo>
                    <a:pt x="1138" y="1815"/>
                  </a:lnTo>
                  <a:lnTo>
                    <a:pt x="1139" y="1826"/>
                  </a:lnTo>
                  <a:lnTo>
                    <a:pt x="1138" y="1833"/>
                  </a:lnTo>
                  <a:lnTo>
                    <a:pt x="1138" y="1833"/>
                  </a:lnTo>
                  <a:close/>
                  <a:moveTo>
                    <a:pt x="1202" y="2249"/>
                  </a:moveTo>
                  <a:lnTo>
                    <a:pt x="1202" y="2249"/>
                  </a:lnTo>
                  <a:close/>
                  <a:moveTo>
                    <a:pt x="1157" y="2045"/>
                  </a:moveTo>
                  <a:lnTo>
                    <a:pt x="1157" y="2045"/>
                  </a:lnTo>
                  <a:lnTo>
                    <a:pt x="1183" y="2060"/>
                  </a:lnTo>
                  <a:lnTo>
                    <a:pt x="1197" y="2067"/>
                  </a:lnTo>
                  <a:lnTo>
                    <a:pt x="1208" y="2074"/>
                  </a:lnTo>
                  <a:lnTo>
                    <a:pt x="1218" y="2085"/>
                  </a:lnTo>
                  <a:lnTo>
                    <a:pt x="1229" y="2096"/>
                  </a:lnTo>
                  <a:lnTo>
                    <a:pt x="1235" y="2110"/>
                  </a:lnTo>
                  <a:lnTo>
                    <a:pt x="1239" y="2126"/>
                  </a:lnTo>
                  <a:lnTo>
                    <a:pt x="1239" y="2126"/>
                  </a:lnTo>
                  <a:lnTo>
                    <a:pt x="1210" y="2114"/>
                  </a:lnTo>
                  <a:lnTo>
                    <a:pt x="1195" y="2108"/>
                  </a:lnTo>
                  <a:lnTo>
                    <a:pt x="1182" y="2101"/>
                  </a:lnTo>
                  <a:lnTo>
                    <a:pt x="1172" y="2092"/>
                  </a:lnTo>
                  <a:lnTo>
                    <a:pt x="1167" y="2086"/>
                  </a:lnTo>
                  <a:lnTo>
                    <a:pt x="1163" y="2080"/>
                  </a:lnTo>
                  <a:lnTo>
                    <a:pt x="1160" y="2073"/>
                  </a:lnTo>
                  <a:lnTo>
                    <a:pt x="1157" y="2064"/>
                  </a:lnTo>
                  <a:lnTo>
                    <a:pt x="1157" y="2055"/>
                  </a:lnTo>
                  <a:lnTo>
                    <a:pt x="1157" y="2045"/>
                  </a:lnTo>
                  <a:lnTo>
                    <a:pt x="1157" y="2045"/>
                  </a:lnTo>
                  <a:close/>
                  <a:moveTo>
                    <a:pt x="1301" y="2190"/>
                  </a:moveTo>
                  <a:lnTo>
                    <a:pt x="1301" y="2190"/>
                  </a:lnTo>
                  <a:lnTo>
                    <a:pt x="1298" y="2186"/>
                  </a:lnTo>
                  <a:lnTo>
                    <a:pt x="1296" y="2180"/>
                  </a:lnTo>
                  <a:lnTo>
                    <a:pt x="1293" y="2168"/>
                  </a:lnTo>
                  <a:lnTo>
                    <a:pt x="1290" y="2155"/>
                  </a:lnTo>
                  <a:lnTo>
                    <a:pt x="1289" y="2149"/>
                  </a:lnTo>
                  <a:lnTo>
                    <a:pt x="1286" y="2143"/>
                  </a:lnTo>
                  <a:lnTo>
                    <a:pt x="1286" y="2143"/>
                  </a:lnTo>
                  <a:lnTo>
                    <a:pt x="1289" y="2143"/>
                  </a:lnTo>
                  <a:lnTo>
                    <a:pt x="1292" y="2142"/>
                  </a:lnTo>
                  <a:lnTo>
                    <a:pt x="1299" y="2143"/>
                  </a:lnTo>
                  <a:lnTo>
                    <a:pt x="1306" y="2148"/>
                  </a:lnTo>
                  <a:lnTo>
                    <a:pt x="1314" y="2153"/>
                  </a:lnTo>
                  <a:lnTo>
                    <a:pt x="1328" y="2167"/>
                  </a:lnTo>
                  <a:lnTo>
                    <a:pt x="1342" y="2178"/>
                  </a:lnTo>
                  <a:lnTo>
                    <a:pt x="1342" y="2178"/>
                  </a:lnTo>
                  <a:lnTo>
                    <a:pt x="1334" y="2184"/>
                  </a:lnTo>
                  <a:lnTo>
                    <a:pt x="1325" y="2187"/>
                  </a:lnTo>
                  <a:lnTo>
                    <a:pt x="1314" y="2190"/>
                  </a:lnTo>
                  <a:lnTo>
                    <a:pt x="1301" y="2190"/>
                  </a:lnTo>
                  <a:lnTo>
                    <a:pt x="1301" y="2190"/>
                  </a:lnTo>
                  <a:close/>
                  <a:moveTo>
                    <a:pt x="1451" y="2140"/>
                  </a:moveTo>
                  <a:lnTo>
                    <a:pt x="1451" y="2140"/>
                  </a:lnTo>
                  <a:lnTo>
                    <a:pt x="1445" y="2140"/>
                  </a:lnTo>
                  <a:lnTo>
                    <a:pt x="1440" y="2142"/>
                  </a:lnTo>
                  <a:lnTo>
                    <a:pt x="1437" y="2140"/>
                  </a:lnTo>
                  <a:lnTo>
                    <a:pt x="1434" y="2140"/>
                  </a:lnTo>
                  <a:lnTo>
                    <a:pt x="1434" y="2137"/>
                  </a:lnTo>
                  <a:lnTo>
                    <a:pt x="1434" y="2134"/>
                  </a:lnTo>
                  <a:lnTo>
                    <a:pt x="1434" y="2134"/>
                  </a:lnTo>
                  <a:lnTo>
                    <a:pt x="1441" y="2136"/>
                  </a:lnTo>
                  <a:lnTo>
                    <a:pt x="1447" y="2137"/>
                  </a:lnTo>
                  <a:lnTo>
                    <a:pt x="1448" y="2137"/>
                  </a:lnTo>
                  <a:lnTo>
                    <a:pt x="1450" y="2136"/>
                  </a:lnTo>
                  <a:lnTo>
                    <a:pt x="1451" y="2133"/>
                  </a:lnTo>
                  <a:lnTo>
                    <a:pt x="1451" y="2129"/>
                  </a:lnTo>
                  <a:lnTo>
                    <a:pt x="1451" y="2129"/>
                  </a:lnTo>
                  <a:lnTo>
                    <a:pt x="1454" y="2130"/>
                  </a:lnTo>
                  <a:lnTo>
                    <a:pt x="1456" y="2130"/>
                  </a:lnTo>
                  <a:lnTo>
                    <a:pt x="1454" y="2133"/>
                  </a:lnTo>
                  <a:lnTo>
                    <a:pt x="1453" y="2137"/>
                  </a:lnTo>
                  <a:lnTo>
                    <a:pt x="1451" y="2139"/>
                  </a:lnTo>
                  <a:lnTo>
                    <a:pt x="1451" y="2140"/>
                  </a:lnTo>
                  <a:lnTo>
                    <a:pt x="1451" y="2140"/>
                  </a:lnTo>
                  <a:close/>
                  <a:moveTo>
                    <a:pt x="1459" y="2101"/>
                  </a:moveTo>
                  <a:lnTo>
                    <a:pt x="1459" y="2101"/>
                  </a:lnTo>
                  <a:lnTo>
                    <a:pt x="1445" y="2101"/>
                  </a:lnTo>
                  <a:lnTo>
                    <a:pt x="1434" y="2101"/>
                  </a:lnTo>
                  <a:lnTo>
                    <a:pt x="1421" y="2101"/>
                  </a:lnTo>
                  <a:lnTo>
                    <a:pt x="1416" y="2099"/>
                  </a:lnTo>
                  <a:lnTo>
                    <a:pt x="1412" y="2098"/>
                  </a:lnTo>
                  <a:lnTo>
                    <a:pt x="1412" y="2098"/>
                  </a:lnTo>
                  <a:lnTo>
                    <a:pt x="1397" y="2096"/>
                  </a:lnTo>
                  <a:lnTo>
                    <a:pt x="1383" y="2093"/>
                  </a:lnTo>
                  <a:lnTo>
                    <a:pt x="1356" y="2086"/>
                  </a:lnTo>
                  <a:lnTo>
                    <a:pt x="1333" y="2076"/>
                  </a:lnTo>
                  <a:lnTo>
                    <a:pt x="1311" y="2064"/>
                  </a:lnTo>
                  <a:lnTo>
                    <a:pt x="1311" y="2064"/>
                  </a:lnTo>
                  <a:lnTo>
                    <a:pt x="1298" y="2057"/>
                  </a:lnTo>
                  <a:lnTo>
                    <a:pt x="1286" y="2048"/>
                  </a:lnTo>
                  <a:lnTo>
                    <a:pt x="1286" y="2048"/>
                  </a:lnTo>
                  <a:lnTo>
                    <a:pt x="1277" y="2044"/>
                  </a:lnTo>
                  <a:lnTo>
                    <a:pt x="1270" y="2038"/>
                  </a:lnTo>
                  <a:lnTo>
                    <a:pt x="1262" y="2030"/>
                  </a:lnTo>
                  <a:lnTo>
                    <a:pt x="1257" y="2023"/>
                  </a:lnTo>
                  <a:lnTo>
                    <a:pt x="1252" y="2014"/>
                  </a:lnTo>
                  <a:lnTo>
                    <a:pt x="1248" y="2006"/>
                  </a:lnTo>
                  <a:lnTo>
                    <a:pt x="1245" y="1995"/>
                  </a:lnTo>
                  <a:lnTo>
                    <a:pt x="1242" y="1984"/>
                  </a:lnTo>
                  <a:lnTo>
                    <a:pt x="1242" y="1984"/>
                  </a:lnTo>
                  <a:lnTo>
                    <a:pt x="1239" y="1968"/>
                  </a:lnTo>
                  <a:lnTo>
                    <a:pt x="1238" y="1950"/>
                  </a:lnTo>
                  <a:lnTo>
                    <a:pt x="1235" y="1931"/>
                  </a:lnTo>
                  <a:lnTo>
                    <a:pt x="1230" y="1913"/>
                  </a:lnTo>
                  <a:lnTo>
                    <a:pt x="1230" y="1913"/>
                  </a:lnTo>
                  <a:lnTo>
                    <a:pt x="1226" y="1908"/>
                  </a:lnTo>
                  <a:lnTo>
                    <a:pt x="1223" y="1899"/>
                  </a:lnTo>
                  <a:lnTo>
                    <a:pt x="1221" y="1890"/>
                  </a:lnTo>
                  <a:lnTo>
                    <a:pt x="1221" y="1880"/>
                  </a:lnTo>
                  <a:lnTo>
                    <a:pt x="1221" y="1880"/>
                  </a:lnTo>
                  <a:lnTo>
                    <a:pt x="1218" y="1874"/>
                  </a:lnTo>
                  <a:lnTo>
                    <a:pt x="1217" y="1867"/>
                  </a:lnTo>
                  <a:lnTo>
                    <a:pt x="1218" y="1852"/>
                  </a:lnTo>
                  <a:lnTo>
                    <a:pt x="1224" y="1852"/>
                  </a:lnTo>
                  <a:lnTo>
                    <a:pt x="1224" y="1852"/>
                  </a:lnTo>
                  <a:lnTo>
                    <a:pt x="1233" y="1849"/>
                  </a:lnTo>
                  <a:lnTo>
                    <a:pt x="1243" y="1847"/>
                  </a:lnTo>
                  <a:lnTo>
                    <a:pt x="1267" y="1849"/>
                  </a:lnTo>
                  <a:lnTo>
                    <a:pt x="1267" y="1849"/>
                  </a:lnTo>
                  <a:lnTo>
                    <a:pt x="1280" y="1881"/>
                  </a:lnTo>
                  <a:lnTo>
                    <a:pt x="1287" y="1896"/>
                  </a:lnTo>
                  <a:lnTo>
                    <a:pt x="1295" y="1912"/>
                  </a:lnTo>
                  <a:lnTo>
                    <a:pt x="1303" y="1925"/>
                  </a:lnTo>
                  <a:lnTo>
                    <a:pt x="1314" y="1938"/>
                  </a:lnTo>
                  <a:lnTo>
                    <a:pt x="1324" y="1951"/>
                  </a:lnTo>
                  <a:lnTo>
                    <a:pt x="1336" y="1962"/>
                  </a:lnTo>
                  <a:lnTo>
                    <a:pt x="1336" y="1962"/>
                  </a:lnTo>
                  <a:lnTo>
                    <a:pt x="1352" y="1978"/>
                  </a:lnTo>
                  <a:lnTo>
                    <a:pt x="1366" y="1995"/>
                  </a:lnTo>
                  <a:lnTo>
                    <a:pt x="1383" y="2011"/>
                  </a:lnTo>
                  <a:lnTo>
                    <a:pt x="1400" y="2028"/>
                  </a:lnTo>
                  <a:lnTo>
                    <a:pt x="1400" y="2028"/>
                  </a:lnTo>
                  <a:lnTo>
                    <a:pt x="1412" y="2038"/>
                  </a:lnTo>
                  <a:lnTo>
                    <a:pt x="1425" y="2047"/>
                  </a:lnTo>
                  <a:lnTo>
                    <a:pt x="1451" y="2067"/>
                  </a:lnTo>
                  <a:lnTo>
                    <a:pt x="1451" y="2067"/>
                  </a:lnTo>
                  <a:lnTo>
                    <a:pt x="1451" y="2080"/>
                  </a:lnTo>
                  <a:lnTo>
                    <a:pt x="1453" y="2088"/>
                  </a:lnTo>
                  <a:lnTo>
                    <a:pt x="1456" y="2092"/>
                  </a:lnTo>
                  <a:lnTo>
                    <a:pt x="1456" y="2092"/>
                  </a:lnTo>
                  <a:lnTo>
                    <a:pt x="1457" y="2092"/>
                  </a:lnTo>
                  <a:lnTo>
                    <a:pt x="1459" y="2095"/>
                  </a:lnTo>
                  <a:lnTo>
                    <a:pt x="1459" y="2101"/>
                  </a:lnTo>
                  <a:lnTo>
                    <a:pt x="1459" y="210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0" name="Freeform 12"/>
            <p:cNvSpPr>
              <a:spLocks/>
            </p:cNvSpPr>
            <p:nvPr/>
          </p:nvSpPr>
          <p:spPr bwMode="auto">
            <a:xfrm>
              <a:off x="3889375" y="2201863"/>
              <a:ext cx="1655763" cy="1404937"/>
            </a:xfrm>
            <a:custGeom>
              <a:avLst/>
              <a:gdLst>
                <a:gd name="T0" fmla="*/ 1405 w 1717"/>
                <a:gd name="T1" fmla="*/ 1330 h 1456"/>
                <a:gd name="T2" fmla="*/ 1277 w 1717"/>
                <a:gd name="T3" fmla="*/ 1253 h 1456"/>
                <a:gd name="T4" fmla="*/ 1247 w 1717"/>
                <a:gd name="T5" fmla="*/ 1215 h 1456"/>
                <a:gd name="T6" fmla="*/ 1221 w 1717"/>
                <a:gd name="T7" fmla="*/ 1189 h 1456"/>
                <a:gd name="T8" fmla="*/ 1192 w 1717"/>
                <a:gd name="T9" fmla="*/ 1126 h 1456"/>
                <a:gd name="T10" fmla="*/ 1173 w 1717"/>
                <a:gd name="T11" fmla="*/ 1036 h 1456"/>
                <a:gd name="T12" fmla="*/ 1201 w 1717"/>
                <a:gd name="T13" fmla="*/ 865 h 1456"/>
                <a:gd name="T14" fmla="*/ 1230 w 1717"/>
                <a:gd name="T15" fmla="*/ 762 h 1456"/>
                <a:gd name="T16" fmla="*/ 1239 w 1717"/>
                <a:gd name="T17" fmla="*/ 767 h 1456"/>
                <a:gd name="T18" fmla="*/ 1269 w 1717"/>
                <a:gd name="T19" fmla="*/ 776 h 1456"/>
                <a:gd name="T20" fmla="*/ 1301 w 1717"/>
                <a:gd name="T21" fmla="*/ 764 h 1456"/>
                <a:gd name="T22" fmla="*/ 1310 w 1717"/>
                <a:gd name="T23" fmla="*/ 743 h 1456"/>
                <a:gd name="T24" fmla="*/ 1326 w 1717"/>
                <a:gd name="T25" fmla="*/ 700 h 1456"/>
                <a:gd name="T26" fmla="*/ 1342 w 1717"/>
                <a:gd name="T27" fmla="*/ 554 h 1456"/>
                <a:gd name="T28" fmla="*/ 1347 w 1717"/>
                <a:gd name="T29" fmla="*/ 532 h 1456"/>
                <a:gd name="T30" fmla="*/ 1342 w 1717"/>
                <a:gd name="T31" fmla="*/ 507 h 1456"/>
                <a:gd name="T32" fmla="*/ 1334 w 1717"/>
                <a:gd name="T33" fmla="*/ 481 h 1456"/>
                <a:gd name="T34" fmla="*/ 1293 w 1717"/>
                <a:gd name="T35" fmla="*/ 466 h 1456"/>
                <a:gd name="T36" fmla="*/ 1269 w 1717"/>
                <a:gd name="T37" fmla="*/ 457 h 1456"/>
                <a:gd name="T38" fmla="*/ 1274 w 1717"/>
                <a:gd name="T39" fmla="*/ 375 h 1456"/>
                <a:gd name="T40" fmla="*/ 1269 w 1717"/>
                <a:gd name="T41" fmla="*/ 334 h 1456"/>
                <a:gd name="T42" fmla="*/ 1249 w 1717"/>
                <a:gd name="T43" fmla="*/ 225 h 1456"/>
                <a:gd name="T44" fmla="*/ 1197 w 1717"/>
                <a:gd name="T45" fmla="*/ 147 h 1456"/>
                <a:gd name="T46" fmla="*/ 1118 w 1717"/>
                <a:gd name="T47" fmla="*/ 75 h 1456"/>
                <a:gd name="T48" fmla="*/ 1047 w 1717"/>
                <a:gd name="T49" fmla="*/ 31 h 1456"/>
                <a:gd name="T50" fmla="*/ 882 w 1717"/>
                <a:gd name="T51" fmla="*/ 0 h 1456"/>
                <a:gd name="T52" fmla="*/ 788 w 1717"/>
                <a:gd name="T53" fmla="*/ 17 h 1456"/>
                <a:gd name="T54" fmla="*/ 734 w 1717"/>
                <a:gd name="T55" fmla="*/ 47 h 1456"/>
                <a:gd name="T56" fmla="*/ 621 w 1717"/>
                <a:gd name="T57" fmla="*/ 131 h 1456"/>
                <a:gd name="T58" fmla="*/ 567 w 1717"/>
                <a:gd name="T59" fmla="*/ 225 h 1456"/>
                <a:gd name="T60" fmla="*/ 552 w 1717"/>
                <a:gd name="T61" fmla="*/ 309 h 1456"/>
                <a:gd name="T62" fmla="*/ 545 w 1717"/>
                <a:gd name="T63" fmla="*/ 382 h 1456"/>
                <a:gd name="T64" fmla="*/ 553 w 1717"/>
                <a:gd name="T65" fmla="*/ 459 h 1456"/>
                <a:gd name="T66" fmla="*/ 552 w 1717"/>
                <a:gd name="T67" fmla="*/ 466 h 1456"/>
                <a:gd name="T68" fmla="*/ 524 w 1717"/>
                <a:gd name="T69" fmla="*/ 446 h 1456"/>
                <a:gd name="T70" fmla="*/ 503 w 1717"/>
                <a:gd name="T71" fmla="*/ 448 h 1456"/>
                <a:gd name="T72" fmla="*/ 482 w 1717"/>
                <a:gd name="T73" fmla="*/ 482 h 1456"/>
                <a:gd name="T74" fmla="*/ 485 w 1717"/>
                <a:gd name="T75" fmla="*/ 586 h 1456"/>
                <a:gd name="T76" fmla="*/ 485 w 1717"/>
                <a:gd name="T77" fmla="*/ 664 h 1456"/>
                <a:gd name="T78" fmla="*/ 501 w 1717"/>
                <a:gd name="T79" fmla="*/ 725 h 1456"/>
                <a:gd name="T80" fmla="*/ 522 w 1717"/>
                <a:gd name="T81" fmla="*/ 746 h 1456"/>
                <a:gd name="T82" fmla="*/ 536 w 1717"/>
                <a:gd name="T83" fmla="*/ 751 h 1456"/>
                <a:gd name="T84" fmla="*/ 559 w 1717"/>
                <a:gd name="T85" fmla="*/ 743 h 1456"/>
                <a:gd name="T86" fmla="*/ 575 w 1717"/>
                <a:gd name="T87" fmla="*/ 783 h 1456"/>
                <a:gd name="T88" fmla="*/ 610 w 1717"/>
                <a:gd name="T89" fmla="*/ 887 h 1456"/>
                <a:gd name="T90" fmla="*/ 614 w 1717"/>
                <a:gd name="T91" fmla="*/ 935 h 1456"/>
                <a:gd name="T92" fmla="*/ 613 w 1717"/>
                <a:gd name="T93" fmla="*/ 1007 h 1456"/>
                <a:gd name="T94" fmla="*/ 615 w 1717"/>
                <a:gd name="T95" fmla="*/ 1057 h 1456"/>
                <a:gd name="T96" fmla="*/ 614 w 1717"/>
                <a:gd name="T97" fmla="*/ 1112 h 1456"/>
                <a:gd name="T98" fmla="*/ 550 w 1717"/>
                <a:gd name="T99" fmla="*/ 1201 h 1456"/>
                <a:gd name="T100" fmla="*/ 521 w 1717"/>
                <a:gd name="T101" fmla="*/ 1220 h 1456"/>
                <a:gd name="T102" fmla="*/ 483 w 1717"/>
                <a:gd name="T103" fmla="*/ 1237 h 1456"/>
                <a:gd name="T104" fmla="*/ 434 w 1717"/>
                <a:gd name="T105" fmla="*/ 1295 h 1456"/>
                <a:gd name="T106" fmla="*/ 362 w 1717"/>
                <a:gd name="T107" fmla="*/ 1322 h 1456"/>
                <a:gd name="T108" fmla="*/ 158 w 1717"/>
                <a:gd name="T109" fmla="*/ 1401 h 1456"/>
                <a:gd name="T110" fmla="*/ 0 w 1717"/>
                <a:gd name="T111" fmla="*/ 1456 h 1456"/>
                <a:gd name="T112" fmla="*/ 1619 w 1717"/>
                <a:gd name="T113" fmla="*/ 1418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717" h="1456">
                  <a:moveTo>
                    <a:pt x="1619" y="1418"/>
                  </a:moveTo>
                  <a:lnTo>
                    <a:pt x="1619" y="1418"/>
                  </a:lnTo>
                  <a:lnTo>
                    <a:pt x="1583" y="1404"/>
                  </a:lnTo>
                  <a:lnTo>
                    <a:pt x="1547" y="1390"/>
                  </a:lnTo>
                  <a:lnTo>
                    <a:pt x="1476" y="1361"/>
                  </a:lnTo>
                  <a:lnTo>
                    <a:pt x="1405" y="1330"/>
                  </a:lnTo>
                  <a:lnTo>
                    <a:pt x="1334" y="1301"/>
                  </a:lnTo>
                  <a:lnTo>
                    <a:pt x="1334" y="1301"/>
                  </a:lnTo>
                  <a:lnTo>
                    <a:pt x="1319" y="1290"/>
                  </a:lnTo>
                  <a:lnTo>
                    <a:pt x="1305" y="1278"/>
                  </a:lnTo>
                  <a:lnTo>
                    <a:pt x="1277" y="1253"/>
                  </a:lnTo>
                  <a:lnTo>
                    <a:pt x="1277" y="1253"/>
                  </a:lnTo>
                  <a:lnTo>
                    <a:pt x="1272" y="1243"/>
                  </a:lnTo>
                  <a:lnTo>
                    <a:pt x="1265" y="1235"/>
                  </a:lnTo>
                  <a:lnTo>
                    <a:pt x="1258" y="1227"/>
                  </a:lnTo>
                  <a:lnTo>
                    <a:pt x="1249" y="1221"/>
                  </a:lnTo>
                  <a:lnTo>
                    <a:pt x="1249" y="1221"/>
                  </a:lnTo>
                  <a:lnTo>
                    <a:pt x="1247" y="1215"/>
                  </a:lnTo>
                  <a:lnTo>
                    <a:pt x="1244" y="1211"/>
                  </a:lnTo>
                  <a:lnTo>
                    <a:pt x="1241" y="1206"/>
                  </a:lnTo>
                  <a:lnTo>
                    <a:pt x="1237" y="1203"/>
                  </a:lnTo>
                  <a:lnTo>
                    <a:pt x="1229" y="1196"/>
                  </a:lnTo>
                  <a:lnTo>
                    <a:pt x="1221" y="1189"/>
                  </a:lnTo>
                  <a:lnTo>
                    <a:pt x="1221" y="1189"/>
                  </a:lnTo>
                  <a:lnTo>
                    <a:pt x="1217" y="1180"/>
                  </a:lnTo>
                  <a:lnTo>
                    <a:pt x="1213" y="1171"/>
                  </a:lnTo>
                  <a:lnTo>
                    <a:pt x="1206" y="1152"/>
                  </a:lnTo>
                  <a:lnTo>
                    <a:pt x="1202" y="1142"/>
                  </a:lnTo>
                  <a:lnTo>
                    <a:pt x="1197" y="1134"/>
                  </a:lnTo>
                  <a:lnTo>
                    <a:pt x="1192" y="1126"/>
                  </a:lnTo>
                  <a:lnTo>
                    <a:pt x="1185" y="1120"/>
                  </a:lnTo>
                  <a:lnTo>
                    <a:pt x="1185" y="1120"/>
                  </a:lnTo>
                  <a:lnTo>
                    <a:pt x="1177" y="1104"/>
                  </a:lnTo>
                  <a:lnTo>
                    <a:pt x="1174" y="1095"/>
                  </a:lnTo>
                  <a:lnTo>
                    <a:pt x="1173" y="1084"/>
                  </a:lnTo>
                  <a:lnTo>
                    <a:pt x="1173" y="1036"/>
                  </a:lnTo>
                  <a:lnTo>
                    <a:pt x="1173" y="1036"/>
                  </a:lnTo>
                  <a:lnTo>
                    <a:pt x="1176" y="999"/>
                  </a:lnTo>
                  <a:lnTo>
                    <a:pt x="1180" y="964"/>
                  </a:lnTo>
                  <a:lnTo>
                    <a:pt x="1186" y="929"/>
                  </a:lnTo>
                  <a:lnTo>
                    <a:pt x="1193" y="897"/>
                  </a:lnTo>
                  <a:lnTo>
                    <a:pt x="1201" y="865"/>
                  </a:lnTo>
                  <a:lnTo>
                    <a:pt x="1209" y="834"/>
                  </a:lnTo>
                  <a:lnTo>
                    <a:pt x="1225" y="771"/>
                  </a:lnTo>
                  <a:lnTo>
                    <a:pt x="1225" y="771"/>
                  </a:lnTo>
                  <a:lnTo>
                    <a:pt x="1227" y="770"/>
                  </a:lnTo>
                  <a:lnTo>
                    <a:pt x="1229" y="767"/>
                  </a:lnTo>
                  <a:lnTo>
                    <a:pt x="1230" y="762"/>
                  </a:lnTo>
                  <a:lnTo>
                    <a:pt x="1231" y="760"/>
                  </a:lnTo>
                  <a:lnTo>
                    <a:pt x="1232" y="759"/>
                  </a:lnTo>
                  <a:lnTo>
                    <a:pt x="1234" y="760"/>
                  </a:lnTo>
                  <a:lnTo>
                    <a:pt x="1237" y="763"/>
                  </a:lnTo>
                  <a:lnTo>
                    <a:pt x="1237" y="763"/>
                  </a:lnTo>
                  <a:lnTo>
                    <a:pt x="1239" y="767"/>
                  </a:lnTo>
                  <a:lnTo>
                    <a:pt x="1243" y="770"/>
                  </a:lnTo>
                  <a:lnTo>
                    <a:pt x="1247" y="773"/>
                  </a:lnTo>
                  <a:lnTo>
                    <a:pt x="1252" y="775"/>
                  </a:lnTo>
                  <a:lnTo>
                    <a:pt x="1257" y="776"/>
                  </a:lnTo>
                  <a:lnTo>
                    <a:pt x="1263" y="776"/>
                  </a:lnTo>
                  <a:lnTo>
                    <a:pt x="1269" y="776"/>
                  </a:lnTo>
                  <a:lnTo>
                    <a:pt x="1275" y="775"/>
                  </a:lnTo>
                  <a:lnTo>
                    <a:pt x="1281" y="774"/>
                  </a:lnTo>
                  <a:lnTo>
                    <a:pt x="1287" y="772"/>
                  </a:lnTo>
                  <a:lnTo>
                    <a:pt x="1293" y="770"/>
                  </a:lnTo>
                  <a:lnTo>
                    <a:pt x="1297" y="767"/>
                  </a:lnTo>
                  <a:lnTo>
                    <a:pt x="1301" y="764"/>
                  </a:lnTo>
                  <a:lnTo>
                    <a:pt x="1304" y="760"/>
                  </a:lnTo>
                  <a:lnTo>
                    <a:pt x="1306" y="756"/>
                  </a:lnTo>
                  <a:lnTo>
                    <a:pt x="1306" y="751"/>
                  </a:lnTo>
                  <a:lnTo>
                    <a:pt x="1306" y="751"/>
                  </a:lnTo>
                  <a:lnTo>
                    <a:pt x="1309" y="746"/>
                  </a:lnTo>
                  <a:lnTo>
                    <a:pt x="1310" y="743"/>
                  </a:lnTo>
                  <a:lnTo>
                    <a:pt x="1310" y="739"/>
                  </a:lnTo>
                  <a:lnTo>
                    <a:pt x="1310" y="739"/>
                  </a:lnTo>
                  <a:lnTo>
                    <a:pt x="1315" y="730"/>
                  </a:lnTo>
                  <a:lnTo>
                    <a:pt x="1319" y="720"/>
                  </a:lnTo>
                  <a:lnTo>
                    <a:pt x="1323" y="710"/>
                  </a:lnTo>
                  <a:lnTo>
                    <a:pt x="1326" y="700"/>
                  </a:lnTo>
                  <a:lnTo>
                    <a:pt x="1330" y="677"/>
                  </a:lnTo>
                  <a:lnTo>
                    <a:pt x="1334" y="654"/>
                  </a:lnTo>
                  <a:lnTo>
                    <a:pt x="1336" y="629"/>
                  </a:lnTo>
                  <a:lnTo>
                    <a:pt x="1338" y="604"/>
                  </a:lnTo>
                  <a:lnTo>
                    <a:pt x="1340" y="579"/>
                  </a:lnTo>
                  <a:lnTo>
                    <a:pt x="1342" y="554"/>
                  </a:lnTo>
                  <a:lnTo>
                    <a:pt x="1342" y="554"/>
                  </a:lnTo>
                  <a:lnTo>
                    <a:pt x="1344" y="552"/>
                  </a:lnTo>
                  <a:lnTo>
                    <a:pt x="1346" y="549"/>
                  </a:lnTo>
                  <a:lnTo>
                    <a:pt x="1347" y="544"/>
                  </a:lnTo>
                  <a:lnTo>
                    <a:pt x="1347" y="538"/>
                  </a:lnTo>
                  <a:lnTo>
                    <a:pt x="1347" y="532"/>
                  </a:lnTo>
                  <a:lnTo>
                    <a:pt x="1346" y="527"/>
                  </a:lnTo>
                  <a:lnTo>
                    <a:pt x="1344" y="524"/>
                  </a:lnTo>
                  <a:lnTo>
                    <a:pt x="1342" y="522"/>
                  </a:lnTo>
                  <a:lnTo>
                    <a:pt x="1342" y="522"/>
                  </a:lnTo>
                  <a:lnTo>
                    <a:pt x="1342" y="514"/>
                  </a:lnTo>
                  <a:lnTo>
                    <a:pt x="1342" y="507"/>
                  </a:lnTo>
                  <a:lnTo>
                    <a:pt x="1341" y="501"/>
                  </a:lnTo>
                  <a:lnTo>
                    <a:pt x="1338" y="497"/>
                  </a:lnTo>
                  <a:lnTo>
                    <a:pt x="1338" y="497"/>
                  </a:lnTo>
                  <a:lnTo>
                    <a:pt x="1337" y="491"/>
                  </a:lnTo>
                  <a:lnTo>
                    <a:pt x="1336" y="486"/>
                  </a:lnTo>
                  <a:lnTo>
                    <a:pt x="1334" y="481"/>
                  </a:lnTo>
                  <a:lnTo>
                    <a:pt x="1331" y="478"/>
                  </a:lnTo>
                  <a:lnTo>
                    <a:pt x="1328" y="475"/>
                  </a:lnTo>
                  <a:lnTo>
                    <a:pt x="1324" y="472"/>
                  </a:lnTo>
                  <a:lnTo>
                    <a:pt x="1314" y="469"/>
                  </a:lnTo>
                  <a:lnTo>
                    <a:pt x="1304" y="467"/>
                  </a:lnTo>
                  <a:lnTo>
                    <a:pt x="1293" y="466"/>
                  </a:lnTo>
                  <a:lnTo>
                    <a:pt x="1273" y="465"/>
                  </a:lnTo>
                  <a:lnTo>
                    <a:pt x="1273" y="465"/>
                  </a:lnTo>
                  <a:lnTo>
                    <a:pt x="1273" y="462"/>
                  </a:lnTo>
                  <a:lnTo>
                    <a:pt x="1272" y="460"/>
                  </a:lnTo>
                  <a:lnTo>
                    <a:pt x="1271" y="458"/>
                  </a:lnTo>
                  <a:lnTo>
                    <a:pt x="1269" y="457"/>
                  </a:lnTo>
                  <a:lnTo>
                    <a:pt x="1269" y="401"/>
                  </a:lnTo>
                  <a:lnTo>
                    <a:pt x="1269" y="401"/>
                  </a:lnTo>
                  <a:lnTo>
                    <a:pt x="1271" y="397"/>
                  </a:lnTo>
                  <a:lnTo>
                    <a:pt x="1273" y="391"/>
                  </a:lnTo>
                  <a:lnTo>
                    <a:pt x="1274" y="383"/>
                  </a:lnTo>
                  <a:lnTo>
                    <a:pt x="1274" y="375"/>
                  </a:lnTo>
                  <a:lnTo>
                    <a:pt x="1274" y="367"/>
                  </a:lnTo>
                  <a:lnTo>
                    <a:pt x="1273" y="359"/>
                  </a:lnTo>
                  <a:lnTo>
                    <a:pt x="1271" y="353"/>
                  </a:lnTo>
                  <a:lnTo>
                    <a:pt x="1269" y="349"/>
                  </a:lnTo>
                  <a:lnTo>
                    <a:pt x="1269" y="349"/>
                  </a:lnTo>
                  <a:lnTo>
                    <a:pt x="1269" y="334"/>
                  </a:lnTo>
                  <a:lnTo>
                    <a:pt x="1269" y="320"/>
                  </a:lnTo>
                  <a:lnTo>
                    <a:pt x="1268" y="306"/>
                  </a:lnTo>
                  <a:lnTo>
                    <a:pt x="1267" y="293"/>
                  </a:lnTo>
                  <a:lnTo>
                    <a:pt x="1263" y="269"/>
                  </a:lnTo>
                  <a:lnTo>
                    <a:pt x="1257" y="246"/>
                  </a:lnTo>
                  <a:lnTo>
                    <a:pt x="1249" y="225"/>
                  </a:lnTo>
                  <a:lnTo>
                    <a:pt x="1240" y="206"/>
                  </a:lnTo>
                  <a:lnTo>
                    <a:pt x="1229" y="189"/>
                  </a:lnTo>
                  <a:lnTo>
                    <a:pt x="1217" y="172"/>
                  </a:lnTo>
                  <a:lnTo>
                    <a:pt x="1217" y="172"/>
                  </a:lnTo>
                  <a:lnTo>
                    <a:pt x="1208" y="159"/>
                  </a:lnTo>
                  <a:lnTo>
                    <a:pt x="1197" y="147"/>
                  </a:lnTo>
                  <a:lnTo>
                    <a:pt x="1186" y="135"/>
                  </a:lnTo>
                  <a:lnTo>
                    <a:pt x="1175" y="124"/>
                  </a:lnTo>
                  <a:lnTo>
                    <a:pt x="1150" y="103"/>
                  </a:lnTo>
                  <a:lnTo>
                    <a:pt x="1125" y="83"/>
                  </a:lnTo>
                  <a:lnTo>
                    <a:pt x="1125" y="83"/>
                  </a:lnTo>
                  <a:lnTo>
                    <a:pt x="1118" y="75"/>
                  </a:lnTo>
                  <a:lnTo>
                    <a:pt x="1109" y="68"/>
                  </a:lnTo>
                  <a:lnTo>
                    <a:pt x="1101" y="61"/>
                  </a:lnTo>
                  <a:lnTo>
                    <a:pt x="1091" y="55"/>
                  </a:lnTo>
                  <a:lnTo>
                    <a:pt x="1081" y="48"/>
                  </a:lnTo>
                  <a:lnTo>
                    <a:pt x="1070" y="42"/>
                  </a:lnTo>
                  <a:lnTo>
                    <a:pt x="1047" y="31"/>
                  </a:lnTo>
                  <a:lnTo>
                    <a:pt x="1022" y="22"/>
                  </a:lnTo>
                  <a:lnTo>
                    <a:pt x="996" y="14"/>
                  </a:lnTo>
                  <a:lnTo>
                    <a:pt x="968" y="8"/>
                  </a:lnTo>
                  <a:lnTo>
                    <a:pt x="939" y="3"/>
                  </a:lnTo>
                  <a:lnTo>
                    <a:pt x="910" y="1"/>
                  </a:lnTo>
                  <a:lnTo>
                    <a:pt x="882" y="0"/>
                  </a:lnTo>
                  <a:lnTo>
                    <a:pt x="854" y="2"/>
                  </a:lnTo>
                  <a:lnTo>
                    <a:pt x="840" y="4"/>
                  </a:lnTo>
                  <a:lnTo>
                    <a:pt x="827" y="6"/>
                  </a:lnTo>
                  <a:lnTo>
                    <a:pt x="813" y="9"/>
                  </a:lnTo>
                  <a:lnTo>
                    <a:pt x="801" y="12"/>
                  </a:lnTo>
                  <a:lnTo>
                    <a:pt x="788" y="17"/>
                  </a:lnTo>
                  <a:lnTo>
                    <a:pt x="777" y="21"/>
                  </a:lnTo>
                  <a:lnTo>
                    <a:pt x="764" y="27"/>
                  </a:lnTo>
                  <a:lnTo>
                    <a:pt x="754" y="33"/>
                  </a:lnTo>
                  <a:lnTo>
                    <a:pt x="743" y="40"/>
                  </a:lnTo>
                  <a:lnTo>
                    <a:pt x="734" y="47"/>
                  </a:lnTo>
                  <a:lnTo>
                    <a:pt x="734" y="47"/>
                  </a:lnTo>
                  <a:lnTo>
                    <a:pt x="705" y="67"/>
                  </a:lnTo>
                  <a:lnTo>
                    <a:pt x="676" y="87"/>
                  </a:lnTo>
                  <a:lnTo>
                    <a:pt x="661" y="97"/>
                  </a:lnTo>
                  <a:lnTo>
                    <a:pt x="647" y="108"/>
                  </a:lnTo>
                  <a:lnTo>
                    <a:pt x="634" y="120"/>
                  </a:lnTo>
                  <a:lnTo>
                    <a:pt x="621" y="131"/>
                  </a:lnTo>
                  <a:lnTo>
                    <a:pt x="610" y="144"/>
                  </a:lnTo>
                  <a:lnTo>
                    <a:pt x="598" y="158"/>
                  </a:lnTo>
                  <a:lnTo>
                    <a:pt x="588" y="172"/>
                  </a:lnTo>
                  <a:lnTo>
                    <a:pt x="579" y="188"/>
                  </a:lnTo>
                  <a:lnTo>
                    <a:pt x="572" y="206"/>
                  </a:lnTo>
                  <a:lnTo>
                    <a:pt x="567" y="225"/>
                  </a:lnTo>
                  <a:lnTo>
                    <a:pt x="563" y="246"/>
                  </a:lnTo>
                  <a:lnTo>
                    <a:pt x="561" y="268"/>
                  </a:lnTo>
                  <a:lnTo>
                    <a:pt x="561" y="272"/>
                  </a:lnTo>
                  <a:lnTo>
                    <a:pt x="561" y="272"/>
                  </a:lnTo>
                  <a:lnTo>
                    <a:pt x="556" y="290"/>
                  </a:lnTo>
                  <a:lnTo>
                    <a:pt x="552" y="309"/>
                  </a:lnTo>
                  <a:lnTo>
                    <a:pt x="550" y="331"/>
                  </a:lnTo>
                  <a:lnTo>
                    <a:pt x="549" y="353"/>
                  </a:lnTo>
                  <a:lnTo>
                    <a:pt x="549" y="361"/>
                  </a:lnTo>
                  <a:lnTo>
                    <a:pt x="549" y="361"/>
                  </a:lnTo>
                  <a:lnTo>
                    <a:pt x="546" y="371"/>
                  </a:lnTo>
                  <a:lnTo>
                    <a:pt x="545" y="382"/>
                  </a:lnTo>
                  <a:lnTo>
                    <a:pt x="545" y="394"/>
                  </a:lnTo>
                  <a:lnTo>
                    <a:pt x="545" y="406"/>
                  </a:lnTo>
                  <a:lnTo>
                    <a:pt x="549" y="429"/>
                  </a:lnTo>
                  <a:lnTo>
                    <a:pt x="553" y="449"/>
                  </a:lnTo>
                  <a:lnTo>
                    <a:pt x="553" y="449"/>
                  </a:lnTo>
                  <a:lnTo>
                    <a:pt x="553" y="459"/>
                  </a:lnTo>
                  <a:lnTo>
                    <a:pt x="554" y="463"/>
                  </a:lnTo>
                  <a:lnTo>
                    <a:pt x="555" y="464"/>
                  </a:lnTo>
                  <a:lnTo>
                    <a:pt x="557" y="465"/>
                  </a:lnTo>
                  <a:lnTo>
                    <a:pt x="557" y="465"/>
                  </a:lnTo>
                  <a:lnTo>
                    <a:pt x="554" y="466"/>
                  </a:lnTo>
                  <a:lnTo>
                    <a:pt x="552" y="466"/>
                  </a:lnTo>
                  <a:lnTo>
                    <a:pt x="549" y="465"/>
                  </a:lnTo>
                  <a:lnTo>
                    <a:pt x="546" y="464"/>
                  </a:lnTo>
                  <a:lnTo>
                    <a:pt x="541" y="460"/>
                  </a:lnTo>
                  <a:lnTo>
                    <a:pt x="536" y="455"/>
                  </a:lnTo>
                  <a:lnTo>
                    <a:pt x="531" y="450"/>
                  </a:lnTo>
                  <a:lnTo>
                    <a:pt x="524" y="446"/>
                  </a:lnTo>
                  <a:lnTo>
                    <a:pt x="521" y="445"/>
                  </a:lnTo>
                  <a:lnTo>
                    <a:pt x="517" y="444"/>
                  </a:lnTo>
                  <a:lnTo>
                    <a:pt x="513" y="444"/>
                  </a:lnTo>
                  <a:lnTo>
                    <a:pt x="509" y="445"/>
                  </a:lnTo>
                  <a:lnTo>
                    <a:pt x="509" y="445"/>
                  </a:lnTo>
                  <a:lnTo>
                    <a:pt x="503" y="448"/>
                  </a:lnTo>
                  <a:lnTo>
                    <a:pt x="498" y="451"/>
                  </a:lnTo>
                  <a:lnTo>
                    <a:pt x="493" y="456"/>
                  </a:lnTo>
                  <a:lnTo>
                    <a:pt x="489" y="461"/>
                  </a:lnTo>
                  <a:lnTo>
                    <a:pt x="486" y="467"/>
                  </a:lnTo>
                  <a:lnTo>
                    <a:pt x="484" y="474"/>
                  </a:lnTo>
                  <a:lnTo>
                    <a:pt x="482" y="482"/>
                  </a:lnTo>
                  <a:lnTo>
                    <a:pt x="480" y="490"/>
                  </a:lnTo>
                  <a:lnTo>
                    <a:pt x="479" y="507"/>
                  </a:lnTo>
                  <a:lnTo>
                    <a:pt x="480" y="526"/>
                  </a:lnTo>
                  <a:lnTo>
                    <a:pt x="482" y="544"/>
                  </a:lnTo>
                  <a:lnTo>
                    <a:pt x="485" y="562"/>
                  </a:lnTo>
                  <a:lnTo>
                    <a:pt x="485" y="586"/>
                  </a:lnTo>
                  <a:lnTo>
                    <a:pt x="485" y="586"/>
                  </a:lnTo>
                  <a:lnTo>
                    <a:pt x="486" y="598"/>
                  </a:lnTo>
                  <a:lnTo>
                    <a:pt x="485" y="612"/>
                  </a:lnTo>
                  <a:lnTo>
                    <a:pt x="485" y="638"/>
                  </a:lnTo>
                  <a:lnTo>
                    <a:pt x="484" y="652"/>
                  </a:lnTo>
                  <a:lnTo>
                    <a:pt x="485" y="664"/>
                  </a:lnTo>
                  <a:lnTo>
                    <a:pt x="486" y="676"/>
                  </a:lnTo>
                  <a:lnTo>
                    <a:pt x="489" y="686"/>
                  </a:lnTo>
                  <a:lnTo>
                    <a:pt x="489" y="686"/>
                  </a:lnTo>
                  <a:lnTo>
                    <a:pt x="493" y="699"/>
                  </a:lnTo>
                  <a:lnTo>
                    <a:pt x="497" y="712"/>
                  </a:lnTo>
                  <a:lnTo>
                    <a:pt x="501" y="725"/>
                  </a:lnTo>
                  <a:lnTo>
                    <a:pt x="505" y="739"/>
                  </a:lnTo>
                  <a:lnTo>
                    <a:pt x="505" y="739"/>
                  </a:lnTo>
                  <a:lnTo>
                    <a:pt x="509" y="739"/>
                  </a:lnTo>
                  <a:lnTo>
                    <a:pt x="512" y="740"/>
                  </a:lnTo>
                  <a:lnTo>
                    <a:pt x="517" y="743"/>
                  </a:lnTo>
                  <a:lnTo>
                    <a:pt x="522" y="746"/>
                  </a:lnTo>
                  <a:lnTo>
                    <a:pt x="525" y="747"/>
                  </a:lnTo>
                  <a:lnTo>
                    <a:pt x="529" y="747"/>
                  </a:lnTo>
                  <a:lnTo>
                    <a:pt x="529" y="747"/>
                  </a:lnTo>
                  <a:lnTo>
                    <a:pt x="531" y="749"/>
                  </a:lnTo>
                  <a:lnTo>
                    <a:pt x="533" y="751"/>
                  </a:lnTo>
                  <a:lnTo>
                    <a:pt x="536" y="751"/>
                  </a:lnTo>
                  <a:lnTo>
                    <a:pt x="538" y="751"/>
                  </a:lnTo>
                  <a:lnTo>
                    <a:pt x="543" y="750"/>
                  </a:lnTo>
                  <a:lnTo>
                    <a:pt x="547" y="748"/>
                  </a:lnTo>
                  <a:lnTo>
                    <a:pt x="552" y="745"/>
                  </a:lnTo>
                  <a:lnTo>
                    <a:pt x="557" y="744"/>
                  </a:lnTo>
                  <a:lnTo>
                    <a:pt x="559" y="743"/>
                  </a:lnTo>
                  <a:lnTo>
                    <a:pt x="561" y="744"/>
                  </a:lnTo>
                  <a:lnTo>
                    <a:pt x="563" y="745"/>
                  </a:lnTo>
                  <a:lnTo>
                    <a:pt x="565" y="747"/>
                  </a:lnTo>
                  <a:lnTo>
                    <a:pt x="565" y="747"/>
                  </a:lnTo>
                  <a:lnTo>
                    <a:pt x="569" y="766"/>
                  </a:lnTo>
                  <a:lnTo>
                    <a:pt x="575" y="783"/>
                  </a:lnTo>
                  <a:lnTo>
                    <a:pt x="582" y="799"/>
                  </a:lnTo>
                  <a:lnTo>
                    <a:pt x="589" y="815"/>
                  </a:lnTo>
                  <a:lnTo>
                    <a:pt x="595" y="832"/>
                  </a:lnTo>
                  <a:lnTo>
                    <a:pt x="602" y="849"/>
                  </a:lnTo>
                  <a:lnTo>
                    <a:pt x="607" y="867"/>
                  </a:lnTo>
                  <a:lnTo>
                    <a:pt x="610" y="887"/>
                  </a:lnTo>
                  <a:lnTo>
                    <a:pt x="610" y="887"/>
                  </a:lnTo>
                  <a:lnTo>
                    <a:pt x="609" y="895"/>
                  </a:lnTo>
                  <a:lnTo>
                    <a:pt x="610" y="902"/>
                  </a:lnTo>
                  <a:lnTo>
                    <a:pt x="612" y="915"/>
                  </a:lnTo>
                  <a:lnTo>
                    <a:pt x="614" y="928"/>
                  </a:lnTo>
                  <a:lnTo>
                    <a:pt x="614" y="935"/>
                  </a:lnTo>
                  <a:lnTo>
                    <a:pt x="614" y="944"/>
                  </a:lnTo>
                  <a:lnTo>
                    <a:pt x="614" y="944"/>
                  </a:lnTo>
                  <a:lnTo>
                    <a:pt x="615" y="956"/>
                  </a:lnTo>
                  <a:lnTo>
                    <a:pt x="614" y="969"/>
                  </a:lnTo>
                  <a:lnTo>
                    <a:pt x="613" y="995"/>
                  </a:lnTo>
                  <a:lnTo>
                    <a:pt x="613" y="1007"/>
                  </a:lnTo>
                  <a:lnTo>
                    <a:pt x="614" y="1019"/>
                  </a:lnTo>
                  <a:lnTo>
                    <a:pt x="616" y="1024"/>
                  </a:lnTo>
                  <a:lnTo>
                    <a:pt x="617" y="1028"/>
                  </a:lnTo>
                  <a:lnTo>
                    <a:pt x="619" y="1032"/>
                  </a:lnTo>
                  <a:lnTo>
                    <a:pt x="622" y="1036"/>
                  </a:lnTo>
                  <a:lnTo>
                    <a:pt x="615" y="1057"/>
                  </a:lnTo>
                  <a:lnTo>
                    <a:pt x="614" y="1083"/>
                  </a:lnTo>
                  <a:lnTo>
                    <a:pt x="614" y="1083"/>
                  </a:lnTo>
                  <a:lnTo>
                    <a:pt x="613" y="1087"/>
                  </a:lnTo>
                  <a:lnTo>
                    <a:pt x="614" y="1092"/>
                  </a:lnTo>
                  <a:lnTo>
                    <a:pt x="614" y="1112"/>
                  </a:lnTo>
                  <a:lnTo>
                    <a:pt x="614" y="1112"/>
                  </a:lnTo>
                  <a:lnTo>
                    <a:pt x="603" y="1125"/>
                  </a:lnTo>
                  <a:lnTo>
                    <a:pt x="593" y="1140"/>
                  </a:lnTo>
                  <a:lnTo>
                    <a:pt x="575" y="1169"/>
                  </a:lnTo>
                  <a:lnTo>
                    <a:pt x="566" y="1183"/>
                  </a:lnTo>
                  <a:lnTo>
                    <a:pt x="555" y="1195"/>
                  </a:lnTo>
                  <a:lnTo>
                    <a:pt x="550" y="1201"/>
                  </a:lnTo>
                  <a:lnTo>
                    <a:pt x="543" y="1207"/>
                  </a:lnTo>
                  <a:lnTo>
                    <a:pt x="536" y="1212"/>
                  </a:lnTo>
                  <a:lnTo>
                    <a:pt x="529" y="1217"/>
                  </a:lnTo>
                  <a:lnTo>
                    <a:pt x="529" y="1217"/>
                  </a:lnTo>
                  <a:lnTo>
                    <a:pt x="525" y="1219"/>
                  </a:lnTo>
                  <a:lnTo>
                    <a:pt x="521" y="1220"/>
                  </a:lnTo>
                  <a:lnTo>
                    <a:pt x="511" y="1223"/>
                  </a:lnTo>
                  <a:lnTo>
                    <a:pt x="501" y="1225"/>
                  </a:lnTo>
                  <a:lnTo>
                    <a:pt x="497" y="1227"/>
                  </a:lnTo>
                  <a:lnTo>
                    <a:pt x="493" y="1229"/>
                  </a:lnTo>
                  <a:lnTo>
                    <a:pt x="493" y="1229"/>
                  </a:lnTo>
                  <a:lnTo>
                    <a:pt x="483" y="1237"/>
                  </a:lnTo>
                  <a:lnTo>
                    <a:pt x="474" y="1247"/>
                  </a:lnTo>
                  <a:lnTo>
                    <a:pt x="466" y="1257"/>
                  </a:lnTo>
                  <a:lnTo>
                    <a:pt x="458" y="1267"/>
                  </a:lnTo>
                  <a:lnTo>
                    <a:pt x="450" y="1277"/>
                  </a:lnTo>
                  <a:lnTo>
                    <a:pt x="442" y="1287"/>
                  </a:lnTo>
                  <a:lnTo>
                    <a:pt x="434" y="1295"/>
                  </a:lnTo>
                  <a:lnTo>
                    <a:pt x="424" y="1301"/>
                  </a:lnTo>
                  <a:lnTo>
                    <a:pt x="424" y="1301"/>
                  </a:lnTo>
                  <a:lnTo>
                    <a:pt x="415" y="1305"/>
                  </a:lnTo>
                  <a:lnTo>
                    <a:pt x="405" y="1309"/>
                  </a:lnTo>
                  <a:lnTo>
                    <a:pt x="384" y="1315"/>
                  </a:lnTo>
                  <a:lnTo>
                    <a:pt x="362" y="1322"/>
                  </a:lnTo>
                  <a:lnTo>
                    <a:pt x="351" y="1325"/>
                  </a:lnTo>
                  <a:lnTo>
                    <a:pt x="340" y="1329"/>
                  </a:lnTo>
                  <a:lnTo>
                    <a:pt x="340" y="1329"/>
                  </a:lnTo>
                  <a:lnTo>
                    <a:pt x="281" y="1354"/>
                  </a:lnTo>
                  <a:lnTo>
                    <a:pt x="220" y="1378"/>
                  </a:lnTo>
                  <a:lnTo>
                    <a:pt x="158" y="1401"/>
                  </a:lnTo>
                  <a:lnTo>
                    <a:pt x="127" y="1412"/>
                  </a:lnTo>
                  <a:lnTo>
                    <a:pt x="95" y="1422"/>
                  </a:lnTo>
                  <a:lnTo>
                    <a:pt x="95" y="1422"/>
                  </a:lnTo>
                  <a:lnTo>
                    <a:pt x="45" y="1437"/>
                  </a:lnTo>
                  <a:lnTo>
                    <a:pt x="22" y="1446"/>
                  </a:lnTo>
                  <a:lnTo>
                    <a:pt x="0" y="1456"/>
                  </a:lnTo>
                  <a:lnTo>
                    <a:pt x="1717" y="1456"/>
                  </a:lnTo>
                  <a:lnTo>
                    <a:pt x="1717" y="1456"/>
                  </a:lnTo>
                  <a:lnTo>
                    <a:pt x="1669" y="1436"/>
                  </a:lnTo>
                  <a:lnTo>
                    <a:pt x="1645" y="1427"/>
                  </a:lnTo>
                  <a:lnTo>
                    <a:pt x="1619" y="1418"/>
                  </a:lnTo>
                  <a:lnTo>
                    <a:pt x="1619" y="141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Rectangle 13"/>
            <p:cNvSpPr>
              <a:spLocks noChangeArrowheads="1"/>
            </p:cNvSpPr>
            <p:nvPr/>
          </p:nvSpPr>
          <p:spPr bwMode="auto">
            <a:xfrm>
              <a:off x="792163" y="3575050"/>
              <a:ext cx="6877050" cy="358775"/>
            </a:xfrm>
            <a:prstGeom prst="rect">
              <a:avLst/>
            </a:prstGeom>
            <a:grpFill/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808080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Title 1"/>
          <p:cNvSpPr>
            <a:spLocks noGrp="1"/>
          </p:cNvSpPr>
          <p:nvPr>
            <p:ph type="title"/>
          </p:nvPr>
        </p:nvSpPr>
        <p:spPr>
          <a:xfrm>
            <a:off x="3840163" y="444500"/>
            <a:ext cx="5181600" cy="644525"/>
          </a:xfrm>
        </p:spPr>
        <p:txBody>
          <a:bodyPr anchor="ctr"/>
          <a:lstStyle/>
          <a:p>
            <a:pPr eaLnBrk="1" hangingPunct="1"/>
            <a:r>
              <a:rPr lang="en-US" sz="4000" smtClean="0">
                <a:latin typeface="Franklin Gothic Medium Cond" pitchFamily="34" charset="0"/>
              </a:rPr>
              <a:t>Dòng chảy quá trình</a:t>
            </a:r>
          </a:p>
        </p:txBody>
      </p:sp>
      <p:sp>
        <p:nvSpPr>
          <p:cNvPr id="39" name="TextBox 28"/>
          <p:cNvSpPr txBox="1"/>
          <p:nvPr/>
        </p:nvSpPr>
        <p:spPr>
          <a:xfrm>
            <a:off x="3773488" y="1270000"/>
            <a:ext cx="4586287" cy="646113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lang="vi-VN" i="1">
                <a:solidFill>
                  <a:schemeClr val="accent5">
                    <a:lumMod val="60000"/>
                    <a:lumOff val="40000"/>
                  </a:schemeClr>
                </a:solidFill>
                <a:latin typeface="Arial" charset="0"/>
              </a:rPr>
              <a:t>Thêm hoặc loại bỏ các hình dạng mũi tên để thay đổi độ dài của quá trình</a:t>
            </a:r>
            <a:endParaRPr lang="en-US" i="1" dirty="0">
              <a:solidFill>
                <a:schemeClr val="accent5">
                  <a:lumMod val="60000"/>
                  <a:lumOff val="40000"/>
                </a:schemeClr>
              </a:solidFill>
              <a:latin typeface="Arial" charset="0"/>
            </a:endParaRPr>
          </a:p>
        </p:txBody>
      </p:sp>
      <p:grpSp>
        <p:nvGrpSpPr>
          <p:cNvPr id="5124" name="Nhóm 51"/>
          <p:cNvGrpSpPr>
            <a:grpSpLocks/>
          </p:cNvGrpSpPr>
          <p:nvPr/>
        </p:nvGrpSpPr>
        <p:grpSpPr bwMode="auto">
          <a:xfrm>
            <a:off x="1774825" y="1243013"/>
            <a:ext cx="5192713" cy="3968750"/>
            <a:chOff x="2029394" y="1611268"/>
            <a:chExt cx="4787860" cy="3659833"/>
          </a:xfrm>
        </p:grpSpPr>
        <p:sp>
          <p:nvSpPr>
            <p:cNvPr id="6" name="Freeform 16"/>
            <p:cNvSpPr>
              <a:spLocks/>
            </p:cNvSpPr>
            <p:nvPr/>
          </p:nvSpPr>
          <p:spPr bwMode="auto">
            <a:xfrm>
              <a:off x="2038176" y="4574269"/>
              <a:ext cx="1263199" cy="696832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0F1109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" name="Freeform 15"/>
            <p:cNvSpPr>
              <a:spLocks/>
            </p:cNvSpPr>
            <p:nvPr/>
          </p:nvSpPr>
          <p:spPr bwMode="auto">
            <a:xfrm>
              <a:off x="3209160" y="4566949"/>
              <a:ext cx="1263199" cy="695369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1C230F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2" name="Freeform 14"/>
            <p:cNvSpPr>
              <a:spLocks/>
            </p:cNvSpPr>
            <p:nvPr/>
          </p:nvSpPr>
          <p:spPr bwMode="auto">
            <a:xfrm>
              <a:off x="4364043" y="4566949"/>
              <a:ext cx="1263198" cy="696832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39471D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13"/>
            <p:cNvSpPr>
              <a:spLocks/>
            </p:cNvSpPr>
            <p:nvPr/>
          </p:nvSpPr>
          <p:spPr bwMode="auto">
            <a:xfrm>
              <a:off x="5518925" y="4572804"/>
              <a:ext cx="1263199" cy="680729"/>
            </a:xfrm>
            <a:custGeom>
              <a:avLst/>
              <a:gdLst/>
              <a:ahLst/>
              <a:cxnLst>
                <a:cxn ang="0">
                  <a:pos x="158" y="0"/>
                </a:cxn>
                <a:cxn ang="0">
                  <a:pos x="158" y="2"/>
                </a:cxn>
                <a:cxn ang="0">
                  <a:pos x="178" y="2"/>
                </a:cxn>
                <a:cxn ang="0">
                  <a:pos x="674" y="178"/>
                </a:cxn>
                <a:cxn ang="0">
                  <a:pos x="1170" y="2"/>
                </a:cxn>
                <a:cxn ang="0">
                  <a:pos x="1190" y="2"/>
                </a:cxn>
                <a:cxn ang="0">
                  <a:pos x="1190" y="634"/>
                </a:cxn>
                <a:cxn ang="0">
                  <a:pos x="166" y="634"/>
                </a:cxn>
                <a:cxn ang="0">
                  <a:pos x="166" y="642"/>
                </a:cxn>
                <a:cxn ang="0">
                  <a:pos x="162" y="634"/>
                </a:cxn>
                <a:cxn ang="0">
                  <a:pos x="158" y="634"/>
                </a:cxn>
                <a:cxn ang="0">
                  <a:pos x="158" y="626"/>
                </a:cxn>
                <a:cxn ang="0">
                  <a:pos x="0" y="314"/>
                </a:cxn>
                <a:cxn ang="0">
                  <a:pos x="158" y="0"/>
                </a:cxn>
              </a:cxnLst>
              <a:rect l="0" t="0" r="r" b="b"/>
              <a:pathLst>
                <a:path w="1190" h="642">
                  <a:moveTo>
                    <a:pt x="158" y="0"/>
                  </a:moveTo>
                  <a:lnTo>
                    <a:pt x="158" y="2"/>
                  </a:lnTo>
                  <a:lnTo>
                    <a:pt x="178" y="2"/>
                  </a:lnTo>
                  <a:lnTo>
                    <a:pt x="674" y="178"/>
                  </a:lnTo>
                  <a:lnTo>
                    <a:pt x="1170" y="2"/>
                  </a:lnTo>
                  <a:lnTo>
                    <a:pt x="1190" y="2"/>
                  </a:lnTo>
                  <a:lnTo>
                    <a:pt x="1190" y="634"/>
                  </a:lnTo>
                  <a:lnTo>
                    <a:pt x="166" y="634"/>
                  </a:lnTo>
                  <a:lnTo>
                    <a:pt x="166" y="642"/>
                  </a:lnTo>
                  <a:lnTo>
                    <a:pt x="162" y="634"/>
                  </a:lnTo>
                  <a:lnTo>
                    <a:pt x="158" y="634"/>
                  </a:lnTo>
                  <a:lnTo>
                    <a:pt x="158" y="626"/>
                  </a:lnTo>
                  <a:lnTo>
                    <a:pt x="0" y="314"/>
                  </a:lnTo>
                  <a:lnTo>
                    <a:pt x="158" y="0"/>
                  </a:lnTo>
                  <a:close/>
                </a:path>
              </a:pathLst>
            </a:custGeom>
            <a:solidFill>
              <a:srgbClr val="586E2C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/>
            </p:cNvSpPr>
            <p:nvPr/>
          </p:nvSpPr>
          <p:spPr bwMode="auto">
            <a:xfrm>
              <a:off x="5688718" y="3845230"/>
              <a:ext cx="1096334" cy="865184"/>
            </a:xfrm>
            <a:custGeom>
              <a:avLst/>
              <a:gdLst/>
              <a:ahLst/>
              <a:cxnLst>
                <a:cxn ang="0">
                  <a:pos x="516" y="176"/>
                </a:cxn>
                <a:cxn ang="0">
                  <a:pos x="20" y="0"/>
                </a:cxn>
                <a:cxn ang="0">
                  <a:pos x="0" y="0"/>
                </a:cxn>
                <a:cxn ang="0">
                  <a:pos x="0" y="640"/>
                </a:cxn>
                <a:cxn ang="0">
                  <a:pos x="20" y="640"/>
                </a:cxn>
                <a:cxn ang="0">
                  <a:pos x="516" y="816"/>
                </a:cxn>
                <a:cxn ang="0">
                  <a:pos x="1012" y="640"/>
                </a:cxn>
                <a:cxn ang="0">
                  <a:pos x="1032" y="640"/>
                </a:cxn>
                <a:cxn ang="0">
                  <a:pos x="1032" y="0"/>
                </a:cxn>
                <a:cxn ang="0">
                  <a:pos x="1012" y="0"/>
                </a:cxn>
                <a:cxn ang="0">
                  <a:pos x="516" y="176"/>
                </a:cxn>
              </a:cxnLst>
              <a:rect l="0" t="0" r="r" b="b"/>
              <a:pathLst>
                <a:path w="1032" h="816">
                  <a:moveTo>
                    <a:pt x="516" y="176"/>
                  </a:moveTo>
                  <a:lnTo>
                    <a:pt x="20" y="0"/>
                  </a:lnTo>
                  <a:lnTo>
                    <a:pt x="0" y="0"/>
                  </a:lnTo>
                  <a:lnTo>
                    <a:pt x="0" y="640"/>
                  </a:lnTo>
                  <a:lnTo>
                    <a:pt x="20" y="640"/>
                  </a:lnTo>
                  <a:lnTo>
                    <a:pt x="516" y="816"/>
                  </a:lnTo>
                  <a:lnTo>
                    <a:pt x="1012" y="640"/>
                  </a:lnTo>
                  <a:lnTo>
                    <a:pt x="1032" y="640"/>
                  </a:lnTo>
                  <a:lnTo>
                    <a:pt x="1032" y="0"/>
                  </a:lnTo>
                  <a:lnTo>
                    <a:pt x="1012" y="0"/>
                  </a:lnTo>
                  <a:lnTo>
                    <a:pt x="516" y="176"/>
                  </a:lnTo>
                  <a:close/>
                </a:path>
              </a:pathLst>
            </a:custGeom>
            <a:solidFill>
              <a:srgbClr val="708C38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Freeform 12"/>
            <p:cNvSpPr>
              <a:spLocks/>
            </p:cNvSpPr>
            <p:nvPr/>
          </p:nvSpPr>
          <p:spPr bwMode="auto">
            <a:xfrm>
              <a:off x="5688718" y="3097160"/>
              <a:ext cx="1096334" cy="875432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14"/>
                </a:cxn>
                <a:cxn ang="0">
                  <a:pos x="158" y="328"/>
                </a:cxn>
                <a:cxn ang="0">
                  <a:pos x="0" y="640"/>
                </a:cxn>
                <a:cxn ang="0">
                  <a:pos x="0" y="648"/>
                </a:cxn>
                <a:cxn ang="0">
                  <a:pos x="20" y="648"/>
                </a:cxn>
                <a:cxn ang="0">
                  <a:pos x="516" y="824"/>
                </a:cxn>
                <a:cxn ang="0">
                  <a:pos x="1012" y="648"/>
                </a:cxn>
                <a:cxn ang="0">
                  <a:pos x="1032" y="648"/>
                </a:cxn>
                <a:cxn ang="0">
                  <a:pos x="1032" y="0"/>
                </a:cxn>
                <a:cxn ang="0">
                  <a:pos x="0" y="0"/>
                </a:cxn>
              </a:cxnLst>
              <a:rect l="0" t="0" r="r" b="b"/>
              <a:pathLst>
                <a:path w="1032" h="824">
                  <a:moveTo>
                    <a:pt x="0" y="0"/>
                  </a:moveTo>
                  <a:lnTo>
                    <a:pt x="0" y="14"/>
                  </a:lnTo>
                  <a:lnTo>
                    <a:pt x="158" y="328"/>
                  </a:lnTo>
                  <a:lnTo>
                    <a:pt x="0" y="640"/>
                  </a:lnTo>
                  <a:lnTo>
                    <a:pt x="0" y="648"/>
                  </a:lnTo>
                  <a:lnTo>
                    <a:pt x="20" y="648"/>
                  </a:lnTo>
                  <a:lnTo>
                    <a:pt x="516" y="824"/>
                  </a:lnTo>
                  <a:lnTo>
                    <a:pt x="1012" y="648"/>
                  </a:lnTo>
                  <a:lnTo>
                    <a:pt x="1032" y="648"/>
                  </a:lnTo>
                  <a:lnTo>
                    <a:pt x="1032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8CAF47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4" name="Freeform 6"/>
            <p:cNvSpPr>
              <a:spLocks/>
            </p:cNvSpPr>
            <p:nvPr/>
          </p:nvSpPr>
          <p:spPr bwMode="auto">
            <a:xfrm>
              <a:off x="4542618" y="3097160"/>
              <a:ext cx="1263198" cy="696832"/>
            </a:xfrm>
            <a:custGeom>
              <a:avLst/>
              <a:gdLst/>
              <a:ahLst/>
              <a:cxnLst>
                <a:cxn ang="0">
                  <a:pos x="1032" y="14"/>
                </a:cxn>
                <a:cxn ang="0">
                  <a:pos x="1032" y="0"/>
                </a:cxn>
                <a:cxn ang="0">
                  <a:pos x="0" y="0"/>
                </a:cxn>
                <a:cxn ang="0">
                  <a:pos x="0" y="14"/>
                </a:cxn>
                <a:cxn ang="0">
                  <a:pos x="158" y="328"/>
                </a:cxn>
                <a:cxn ang="0">
                  <a:pos x="0" y="640"/>
                </a:cxn>
                <a:cxn ang="0">
                  <a:pos x="0" y="648"/>
                </a:cxn>
                <a:cxn ang="0">
                  <a:pos x="1024" y="648"/>
                </a:cxn>
                <a:cxn ang="0">
                  <a:pos x="1024" y="656"/>
                </a:cxn>
                <a:cxn ang="0">
                  <a:pos x="1028" y="648"/>
                </a:cxn>
                <a:cxn ang="0">
                  <a:pos x="1032" y="648"/>
                </a:cxn>
                <a:cxn ang="0">
                  <a:pos x="1032" y="640"/>
                </a:cxn>
                <a:cxn ang="0">
                  <a:pos x="1190" y="328"/>
                </a:cxn>
                <a:cxn ang="0">
                  <a:pos x="1032" y="14"/>
                </a:cxn>
              </a:cxnLst>
              <a:rect l="0" t="0" r="r" b="b"/>
              <a:pathLst>
                <a:path w="1190" h="656">
                  <a:moveTo>
                    <a:pt x="1032" y="14"/>
                  </a:moveTo>
                  <a:lnTo>
                    <a:pt x="1032" y="0"/>
                  </a:lnTo>
                  <a:lnTo>
                    <a:pt x="0" y="0"/>
                  </a:lnTo>
                  <a:lnTo>
                    <a:pt x="0" y="14"/>
                  </a:lnTo>
                  <a:lnTo>
                    <a:pt x="158" y="328"/>
                  </a:lnTo>
                  <a:lnTo>
                    <a:pt x="0" y="640"/>
                  </a:lnTo>
                  <a:lnTo>
                    <a:pt x="0" y="648"/>
                  </a:lnTo>
                  <a:lnTo>
                    <a:pt x="1024" y="648"/>
                  </a:lnTo>
                  <a:lnTo>
                    <a:pt x="1024" y="656"/>
                  </a:lnTo>
                  <a:lnTo>
                    <a:pt x="1028" y="648"/>
                  </a:lnTo>
                  <a:lnTo>
                    <a:pt x="1032" y="648"/>
                  </a:lnTo>
                  <a:lnTo>
                    <a:pt x="1032" y="640"/>
                  </a:lnTo>
                  <a:lnTo>
                    <a:pt x="1190" y="328"/>
                  </a:lnTo>
                  <a:lnTo>
                    <a:pt x="1032" y="14"/>
                  </a:lnTo>
                  <a:close/>
                </a:path>
              </a:pathLst>
            </a:custGeom>
            <a:solidFill>
              <a:srgbClr val="9ABB59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grpSp>
          <p:nvGrpSpPr>
            <p:cNvPr id="5133" name="Group 34"/>
            <p:cNvGrpSpPr>
              <a:grpSpLocks/>
            </p:cNvGrpSpPr>
            <p:nvPr/>
          </p:nvGrpSpPr>
          <p:grpSpPr bwMode="auto">
            <a:xfrm>
              <a:off x="3387846" y="3088788"/>
              <a:ext cx="1263109" cy="696302"/>
              <a:chOff x="2540000" y="2819400"/>
              <a:chExt cx="1889125" cy="1041400"/>
            </a:xfrm>
          </p:grpSpPr>
          <p:sp>
            <p:nvSpPr>
              <p:cNvPr id="27" name="Freeform 5"/>
              <p:cNvSpPr>
                <a:spLocks/>
              </p:cNvSpPr>
              <p:nvPr/>
            </p:nvSpPr>
            <p:spPr bwMode="auto">
              <a:xfrm>
                <a:off x="2539835" y="2818783"/>
                <a:ext cx="1889260" cy="1042193"/>
              </a:xfrm>
              <a:custGeom>
                <a:avLst/>
                <a:gdLst/>
                <a:ahLst/>
                <a:cxnLst>
                  <a:cxn ang="0">
                    <a:pos x="1032" y="14"/>
                  </a:cxn>
                  <a:cxn ang="0">
                    <a:pos x="1032" y="0"/>
                  </a:cxn>
                  <a:cxn ang="0">
                    <a:pos x="0" y="0"/>
                  </a:cxn>
                  <a:cxn ang="0">
                    <a:pos x="0" y="14"/>
                  </a:cxn>
                  <a:cxn ang="0">
                    <a:pos x="158" y="328"/>
                  </a:cxn>
                  <a:cxn ang="0">
                    <a:pos x="0" y="640"/>
                  </a:cxn>
                  <a:cxn ang="0">
                    <a:pos x="0" y="648"/>
                  </a:cxn>
                  <a:cxn ang="0">
                    <a:pos x="1024" y="648"/>
                  </a:cxn>
                  <a:cxn ang="0">
                    <a:pos x="1024" y="656"/>
                  </a:cxn>
                  <a:cxn ang="0">
                    <a:pos x="1028" y="648"/>
                  </a:cxn>
                  <a:cxn ang="0">
                    <a:pos x="1032" y="648"/>
                  </a:cxn>
                  <a:cxn ang="0">
                    <a:pos x="1032" y="640"/>
                  </a:cxn>
                  <a:cxn ang="0">
                    <a:pos x="1190" y="328"/>
                  </a:cxn>
                  <a:cxn ang="0">
                    <a:pos x="1032" y="14"/>
                  </a:cxn>
                </a:cxnLst>
                <a:rect l="0" t="0" r="r" b="b"/>
                <a:pathLst>
                  <a:path w="1190" h="656">
                    <a:moveTo>
                      <a:pt x="1032" y="14"/>
                    </a:moveTo>
                    <a:lnTo>
                      <a:pt x="1032" y="0"/>
                    </a:lnTo>
                    <a:lnTo>
                      <a:pt x="0" y="0"/>
                    </a:lnTo>
                    <a:lnTo>
                      <a:pt x="0" y="14"/>
                    </a:lnTo>
                    <a:lnTo>
                      <a:pt x="158" y="328"/>
                    </a:lnTo>
                    <a:lnTo>
                      <a:pt x="0" y="640"/>
                    </a:lnTo>
                    <a:lnTo>
                      <a:pt x="0" y="648"/>
                    </a:lnTo>
                    <a:lnTo>
                      <a:pt x="1024" y="648"/>
                    </a:lnTo>
                    <a:lnTo>
                      <a:pt x="1024" y="656"/>
                    </a:lnTo>
                    <a:lnTo>
                      <a:pt x="1028" y="648"/>
                    </a:lnTo>
                    <a:lnTo>
                      <a:pt x="1032" y="648"/>
                    </a:lnTo>
                    <a:lnTo>
                      <a:pt x="1032" y="640"/>
                    </a:lnTo>
                    <a:lnTo>
                      <a:pt x="1190" y="328"/>
                    </a:lnTo>
                    <a:lnTo>
                      <a:pt x="1032" y="14"/>
                    </a:lnTo>
                    <a:close/>
                  </a:path>
                </a:pathLst>
              </a:custGeom>
              <a:solidFill>
                <a:srgbClr val="ACC777"/>
              </a:solidFill>
              <a:ln w="8">
                <a:solidFill>
                  <a:schemeClr val="accent3">
                    <a:lumMod val="50000"/>
                  </a:schemeClr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pPr>
                  <a:defRPr/>
                </a:pPr>
                <a:endParaRPr lang="en-US">
                  <a:latin typeface="Arial" charset="0"/>
                </a:endParaRPr>
              </a:p>
            </p:txBody>
          </p:sp>
          <p:sp>
            <p:nvSpPr>
              <p:cNvPr id="5149" name="TextBox 20"/>
              <p:cNvSpPr txBox="1">
                <a:spLocks noChangeArrowheads="1"/>
              </p:cNvSpPr>
              <p:nvPr/>
            </p:nvSpPr>
            <p:spPr bwMode="auto">
              <a:xfrm>
                <a:off x="2959100" y="3111500"/>
                <a:ext cx="276286" cy="69047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>
                <a:spAutoFit/>
              </a:bodyPr>
              <a:lstStyle/>
              <a:p>
                <a:endParaRPr lang="en-US" sz="2400"/>
              </a:p>
            </p:txBody>
          </p:sp>
        </p:grpSp>
        <p:sp>
          <p:nvSpPr>
            <p:cNvPr id="31" name="Freeform 7"/>
            <p:cNvSpPr>
              <a:spLocks/>
            </p:cNvSpPr>
            <p:nvPr/>
          </p:nvSpPr>
          <p:spPr bwMode="auto">
            <a:xfrm>
              <a:off x="2224070" y="3103015"/>
              <a:ext cx="1263198" cy="682193"/>
            </a:xfrm>
            <a:custGeom>
              <a:avLst/>
              <a:gdLst/>
              <a:ahLst/>
              <a:cxnLst>
                <a:cxn ang="0">
                  <a:pos x="1032" y="0"/>
                </a:cxn>
                <a:cxn ang="0">
                  <a:pos x="1032" y="2"/>
                </a:cxn>
                <a:cxn ang="0">
                  <a:pos x="1012" y="2"/>
                </a:cxn>
                <a:cxn ang="0">
                  <a:pos x="516" y="178"/>
                </a:cxn>
                <a:cxn ang="0">
                  <a:pos x="20" y="2"/>
                </a:cxn>
                <a:cxn ang="0">
                  <a:pos x="0" y="2"/>
                </a:cxn>
                <a:cxn ang="0">
                  <a:pos x="0" y="634"/>
                </a:cxn>
                <a:cxn ang="0">
                  <a:pos x="1024" y="634"/>
                </a:cxn>
                <a:cxn ang="0">
                  <a:pos x="1024" y="642"/>
                </a:cxn>
                <a:cxn ang="0">
                  <a:pos x="1028" y="634"/>
                </a:cxn>
                <a:cxn ang="0">
                  <a:pos x="1032" y="634"/>
                </a:cxn>
                <a:cxn ang="0">
                  <a:pos x="1032" y="626"/>
                </a:cxn>
                <a:cxn ang="0">
                  <a:pos x="1190" y="314"/>
                </a:cxn>
                <a:cxn ang="0">
                  <a:pos x="1032" y="0"/>
                </a:cxn>
              </a:cxnLst>
              <a:rect l="0" t="0" r="r" b="b"/>
              <a:pathLst>
                <a:path w="1190" h="642">
                  <a:moveTo>
                    <a:pt x="1032" y="0"/>
                  </a:moveTo>
                  <a:lnTo>
                    <a:pt x="1032" y="2"/>
                  </a:lnTo>
                  <a:lnTo>
                    <a:pt x="1012" y="2"/>
                  </a:lnTo>
                  <a:lnTo>
                    <a:pt x="516" y="178"/>
                  </a:lnTo>
                  <a:lnTo>
                    <a:pt x="20" y="2"/>
                  </a:lnTo>
                  <a:lnTo>
                    <a:pt x="0" y="2"/>
                  </a:lnTo>
                  <a:lnTo>
                    <a:pt x="0" y="634"/>
                  </a:lnTo>
                  <a:lnTo>
                    <a:pt x="1024" y="634"/>
                  </a:lnTo>
                  <a:lnTo>
                    <a:pt x="1024" y="642"/>
                  </a:lnTo>
                  <a:lnTo>
                    <a:pt x="1028" y="634"/>
                  </a:lnTo>
                  <a:lnTo>
                    <a:pt x="1032" y="634"/>
                  </a:lnTo>
                  <a:lnTo>
                    <a:pt x="1032" y="626"/>
                  </a:lnTo>
                  <a:lnTo>
                    <a:pt x="1190" y="314"/>
                  </a:lnTo>
                  <a:lnTo>
                    <a:pt x="1032" y="0"/>
                  </a:lnTo>
                  <a:close/>
                </a:path>
              </a:pathLst>
            </a:custGeom>
            <a:solidFill>
              <a:schemeClr val="accent3">
                <a:lumMod val="60000"/>
                <a:lumOff val="4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34" name="Freeform 8"/>
            <p:cNvSpPr>
              <a:spLocks/>
            </p:cNvSpPr>
            <p:nvPr/>
          </p:nvSpPr>
          <p:spPr bwMode="auto">
            <a:xfrm>
              <a:off x="2224070" y="2357874"/>
              <a:ext cx="1096333" cy="866648"/>
            </a:xfrm>
            <a:custGeom>
              <a:avLst/>
              <a:gdLst/>
              <a:ahLst/>
              <a:cxnLst>
                <a:cxn ang="0">
                  <a:pos x="516" y="176"/>
                </a:cxn>
                <a:cxn ang="0">
                  <a:pos x="20" y="0"/>
                </a:cxn>
                <a:cxn ang="0">
                  <a:pos x="0" y="0"/>
                </a:cxn>
                <a:cxn ang="0">
                  <a:pos x="0" y="640"/>
                </a:cxn>
                <a:cxn ang="0">
                  <a:pos x="20" y="640"/>
                </a:cxn>
                <a:cxn ang="0">
                  <a:pos x="516" y="816"/>
                </a:cxn>
                <a:cxn ang="0">
                  <a:pos x="1012" y="640"/>
                </a:cxn>
                <a:cxn ang="0">
                  <a:pos x="1032" y="640"/>
                </a:cxn>
                <a:cxn ang="0">
                  <a:pos x="1032" y="0"/>
                </a:cxn>
                <a:cxn ang="0">
                  <a:pos x="1012" y="0"/>
                </a:cxn>
                <a:cxn ang="0">
                  <a:pos x="516" y="176"/>
                </a:cxn>
              </a:cxnLst>
              <a:rect l="0" t="0" r="r" b="b"/>
              <a:pathLst>
                <a:path w="1032" h="816">
                  <a:moveTo>
                    <a:pt x="516" y="176"/>
                  </a:moveTo>
                  <a:lnTo>
                    <a:pt x="20" y="0"/>
                  </a:lnTo>
                  <a:lnTo>
                    <a:pt x="0" y="0"/>
                  </a:lnTo>
                  <a:lnTo>
                    <a:pt x="0" y="640"/>
                  </a:lnTo>
                  <a:lnTo>
                    <a:pt x="20" y="640"/>
                  </a:lnTo>
                  <a:lnTo>
                    <a:pt x="516" y="816"/>
                  </a:lnTo>
                  <a:lnTo>
                    <a:pt x="1012" y="640"/>
                  </a:lnTo>
                  <a:lnTo>
                    <a:pt x="1032" y="640"/>
                  </a:lnTo>
                  <a:lnTo>
                    <a:pt x="1032" y="0"/>
                  </a:lnTo>
                  <a:lnTo>
                    <a:pt x="1012" y="0"/>
                  </a:lnTo>
                  <a:lnTo>
                    <a:pt x="516" y="176"/>
                  </a:lnTo>
                  <a:close/>
                </a:path>
              </a:pathLst>
            </a:custGeom>
            <a:solidFill>
              <a:schemeClr val="accent3">
                <a:lumMod val="40000"/>
                <a:lumOff val="6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37" name="Freeform 10"/>
            <p:cNvSpPr>
              <a:spLocks/>
            </p:cNvSpPr>
            <p:nvPr/>
          </p:nvSpPr>
          <p:spPr bwMode="auto">
            <a:xfrm>
              <a:off x="2224070" y="1611268"/>
              <a:ext cx="1096333" cy="873968"/>
            </a:xfrm>
            <a:custGeom>
              <a:avLst/>
              <a:gdLst/>
              <a:ahLst/>
              <a:cxnLst>
                <a:cxn ang="0">
                  <a:pos x="1032" y="0"/>
                </a:cxn>
                <a:cxn ang="0">
                  <a:pos x="0" y="0"/>
                </a:cxn>
                <a:cxn ang="0">
                  <a:pos x="0" y="648"/>
                </a:cxn>
                <a:cxn ang="0">
                  <a:pos x="20" y="648"/>
                </a:cxn>
                <a:cxn ang="0">
                  <a:pos x="516" y="824"/>
                </a:cxn>
                <a:cxn ang="0">
                  <a:pos x="1012" y="648"/>
                </a:cxn>
                <a:cxn ang="0">
                  <a:pos x="1032" y="648"/>
                </a:cxn>
                <a:cxn ang="0">
                  <a:pos x="1032" y="0"/>
                </a:cxn>
              </a:cxnLst>
              <a:rect l="0" t="0" r="r" b="b"/>
              <a:pathLst>
                <a:path w="1032" h="824">
                  <a:moveTo>
                    <a:pt x="1032" y="0"/>
                  </a:moveTo>
                  <a:lnTo>
                    <a:pt x="0" y="0"/>
                  </a:lnTo>
                  <a:lnTo>
                    <a:pt x="0" y="648"/>
                  </a:lnTo>
                  <a:lnTo>
                    <a:pt x="20" y="648"/>
                  </a:lnTo>
                  <a:lnTo>
                    <a:pt x="516" y="824"/>
                  </a:lnTo>
                  <a:lnTo>
                    <a:pt x="1012" y="648"/>
                  </a:lnTo>
                  <a:lnTo>
                    <a:pt x="1032" y="648"/>
                  </a:lnTo>
                  <a:lnTo>
                    <a:pt x="1032" y="0"/>
                  </a:lnTo>
                  <a:close/>
                </a:path>
              </a:pathLst>
            </a:custGeom>
            <a:solidFill>
              <a:schemeClr val="accent3">
                <a:lumMod val="20000"/>
                <a:lumOff val="8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5137" name="TextBox 17"/>
            <p:cNvSpPr txBox="1">
              <a:spLocks noChangeArrowheads="1"/>
            </p:cNvSpPr>
            <p:nvPr/>
          </p:nvSpPr>
          <p:spPr bwMode="auto">
            <a:xfrm>
              <a:off x="2235961" y="1799697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1</a:t>
              </a:r>
            </a:p>
          </p:txBody>
        </p:sp>
        <p:sp>
          <p:nvSpPr>
            <p:cNvPr id="5138" name="TextBox 17"/>
            <p:cNvSpPr txBox="1">
              <a:spLocks noChangeArrowheads="1"/>
            </p:cNvSpPr>
            <p:nvPr/>
          </p:nvSpPr>
          <p:spPr bwMode="auto">
            <a:xfrm>
              <a:off x="2235961" y="259153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2</a:t>
              </a:r>
            </a:p>
          </p:txBody>
        </p:sp>
        <p:sp>
          <p:nvSpPr>
            <p:cNvPr id="5139" name="TextBox 17"/>
            <p:cNvSpPr txBox="1">
              <a:spLocks noChangeArrowheads="1"/>
            </p:cNvSpPr>
            <p:nvPr/>
          </p:nvSpPr>
          <p:spPr bwMode="auto">
            <a:xfrm>
              <a:off x="2235961" y="3270444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3</a:t>
              </a:r>
            </a:p>
          </p:txBody>
        </p:sp>
        <p:sp>
          <p:nvSpPr>
            <p:cNvPr id="5140" name="TextBox 17"/>
            <p:cNvSpPr txBox="1">
              <a:spLocks noChangeArrowheads="1"/>
            </p:cNvSpPr>
            <p:nvPr/>
          </p:nvSpPr>
          <p:spPr bwMode="auto">
            <a:xfrm>
              <a:off x="3514917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4</a:t>
              </a:r>
            </a:p>
          </p:txBody>
        </p:sp>
        <p:sp>
          <p:nvSpPr>
            <p:cNvPr id="5141" name="TextBox 17"/>
            <p:cNvSpPr txBox="1">
              <a:spLocks noChangeArrowheads="1"/>
            </p:cNvSpPr>
            <p:nvPr/>
          </p:nvSpPr>
          <p:spPr bwMode="auto">
            <a:xfrm>
              <a:off x="4655511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5</a:t>
              </a:r>
            </a:p>
          </p:txBody>
        </p:sp>
        <p:sp>
          <p:nvSpPr>
            <p:cNvPr id="5142" name="TextBox 17"/>
            <p:cNvSpPr txBox="1">
              <a:spLocks noChangeArrowheads="1"/>
            </p:cNvSpPr>
            <p:nvPr/>
          </p:nvSpPr>
          <p:spPr bwMode="auto">
            <a:xfrm>
              <a:off x="5779791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6</a:t>
              </a:r>
            </a:p>
          </p:txBody>
        </p:sp>
        <p:sp>
          <p:nvSpPr>
            <p:cNvPr id="5143" name="TextBox 17"/>
            <p:cNvSpPr txBox="1">
              <a:spLocks noChangeArrowheads="1"/>
            </p:cNvSpPr>
            <p:nvPr/>
          </p:nvSpPr>
          <p:spPr bwMode="auto">
            <a:xfrm>
              <a:off x="5738847" y="4077541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7</a:t>
              </a:r>
            </a:p>
          </p:txBody>
        </p:sp>
        <p:sp>
          <p:nvSpPr>
            <p:cNvPr id="48" name="TextBox 17"/>
            <p:cNvSpPr txBox="1"/>
            <p:nvPr/>
          </p:nvSpPr>
          <p:spPr>
            <a:xfrm>
              <a:off x="5738485" y="4723590"/>
              <a:ext cx="1037785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8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49" name="TextBox 17"/>
            <p:cNvSpPr txBox="1"/>
            <p:nvPr/>
          </p:nvSpPr>
          <p:spPr>
            <a:xfrm>
              <a:off x="4473822" y="4723590"/>
              <a:ext cx="1037785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9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50" name="TextBox 17"/>
            <p:cNvSpPr txBox="1"/>
            <p:nvPr/>
          </p:nvSpPr>
          <p:spPr>
            <a:xfrm>
              <a:off x="3245754" y="4723590"/>
              <a:ext cx="1181229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10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51" name="TextBox 17"/>
            <p:cNvSpPr txBox="1"/>
            <p:nvPr/>
          </p:nvSpPr>
          <p:spPr>
            <a:xfrm>
              <a:off x="2029394" y="4723590"/>
              <a:ext cx="1160738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11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</p:grp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9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31"/>
          <p:cNvSpPr>
            <a:spLocks noChangeArrowheads="1"/>
          </p:cNvSpPr>
          <p:nvPr/>
        </p:nvSpPr>
        <p:spPr bwMode="auto">
          <a:xfrm>
            <a:off x="1098550" y="2170113"/>
            <a:ext cx="4170363" cy="198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</p:txBody>
      </p:sp>
      <p:grpSp>
        <p:nvGrpSpPr>
          <p:cNvPr id="6147" name="Nhóm 2"/>
          <p:cNvGrpSpPr>
            <a:grpSpLocks/>
          </p:cNvGrpSpPr>
          <p:nvPr/>
        </p:nvGrpSpPr>
        <p:grpSpPr bwMode="auto">
          <a:xfrm>
            <a:off x="4903788" y="1303338"/>
            <a:ext cx="3694112" cy="3690937"/>
            <a:chOff x="4903788" y="1303338"/>
            <a:chExt cx="3694112" cy="3690937"/>
          </a:xfrm>
        </p:grpSpPr>
        <p:sp>
          <p:nvSpPr>
            <p:cNvPr id="964652" name="Freeform 44"/>
            <p:cNvSpPr>
              <a:spLocks/>
            </p:cNvSpPr>
            <p:nvPr/>
          </p:nvSpPr>
          <p:spPr bwMode="auto">
            <a:xfrm>
              <a:off x="4903788" y="2247900"/>
              <a:ext cx="1039812" cy="1798638"/>
            </a:xfrm>
            <a:custGeom>
              <a:avLst/>
              <a:gdLst>
                <a:gd name="T0" fmla="*/ 372 w 372"/>
                <a:gd name="T1" fmla="*/ 167 h 643"/>
                <a:gd name="T2" fmla="*/ 84 w 372"/>
                <a:gd name="T3" fmla="*/ 0 h 643"/>
                <a:gd name="T4" fmla="*/ 0 w 372"/>
                <a:gd name="T5" fmla="*/ 322 h 643"/>
                <a:gd name="T6" fmla="*/ 84 w 372"/>
                <a:gd name="T7" fmla="*/ 643 h 643"/>
                <a:gd name="T8" fmla="*/ 372 w 372"/>
                <a:gd name="T9" fmla="*/ 477 h 643"/>
                <a:gd name="T10" fmla="*/ 372 w 372"/>
                <a:gd name="T11" fmla="*/ 167 h 6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372" h="643">
                  <a:moveTo>
                    <a:pt x="372" y="167"/>
                  </a:moveTo>
                  <a:cubicBezTo>
                    <a:pt x="84" y="0"/>
                    <a:pt x="84" y="0"/>
                    <a:pt x="84" y="0"/>
                  </a:cubicBezTo>
                  <a:cubicBezTo>
                    <a:pt x="31" y="96"/>
                    <a:pt x="0" y="205"/>
                    <a:pt x="0" y="322"/>
                  </a:cubicBezTo>
                  <a:cubicBezTo>
                    <a:pt x="0" y="439"/>
                    <a:pt x="31" y="548"/>
                    <a:pt x="84" y="643"/>
                  </a:cubicBezTo>
                  <a:cubicBezTo>
                    <a:pt x="372" y="477"/>
                    <a:pt x="372" y="477"/>
                    <a:pt x="372" y="477"/>
                  </a:cubicBezTo>
                  <a:cubicBezTo>
                    <a:pt x="318" y="377"/>
                    <a:pt x="322" y="261"/>
                    <a:pt x="372" y="16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5" name="Freeform 47"/>
            <p:cNvSpPr>
              <a:spLocks/>
            </p:cNvSpPr>
            <p:nvPr/>
          </p:nvSpPr>
          <p:spPr bwMode="auto">
            <a:xfrm>
              <a:off x="5165725" y="3630613"/>
              <a:ext cx="1557338" cy="1363662"/>
            </a:xfrm>
            <a:custGeom>
              <a:avLst/>
              <a:gdLst>
                <a:gd name="T0" fmla="*/ 288 w 557"/>
                <a:gd name="T1" fmla="*/ 0 h 488"/>
                <a:gd name="T2" fmla="*/ 0 w 557"/>
                <a:gd name="T3" fmla="*/ 167 h 488"/>
                <a:gd name="T4" fmla="*/ 557 w 557"/>
                <a:gd name="T5" fmla="*/ 488 h 488"/>
                <a:gd name="T6" fmla="*/ 557 w 557"/>
                <a:gd name="T7" fmla="*/ 156 h 488"/>
                <a:gd name="T8" fmla="*/ 288 w 557"/>
                <a:gd name="T9" fmla="*/ 0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57" h="488">
                  <a:moveTo>
                    <a:pt x="288" y="0"/>
                  </a:moveTo>
                  <a:cubicBezTo>
                    <a:pt x="0" y="167"/>
                    <a:pt x="0" y="167"/>
                    <a:pt x="0" y="167"/>
                  </a:cubicBezTo>
                  <a:cubicBezTo>
                    <a:pt x="114" y="357"/>
                    <a:pt x="320" y="485"/>
                    <a:pt x="557" y="488"/>
                  </a:cubicBezTo>
                  <a:cubicBezTo>
                    <a:pt x="557" y="156"/>
                    <a:pt x="557" y="156"/>
                    <a:pt x="557" y="156"/>
                  </a:cubicBezTo>
                  <a:cubicBezTo>
                    <a:pt x="450" y="152"/>
                    <a:pt x="348" y="97"/>
                    <a:pt x="288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7" name="Freeform 49"/>
            <p:cNvSpPr>
              <a:spLocks/>
            </p:cNvSpPr>
            <p:nvPr/>
          </p:nvSpPr>
          <p:spPr bwMode="auto">
            <a:xfrm>
              <a:off x="5165725" y="1303338"/>
              <a:ext cx="1557338" cy="1360487"/>
            </a:xfrm>
            <a:custGeom>
              <a:avLst/>
              <a:gdLst>
                <a:gd name="T0" fmla="*/ 0 w 557"/>
                <a:gd name="T1" fmla="*/ 321 h 487"/>
                <a:gd name="T2" fmla="*/ 288 w 557"/>
                <a:gd name="T3" fmla="*/ 487 h 487"/>
                <a:gd name="T4" fmla="*/ 403 w 557"/>
                <a:gd name="T5" fmla="*/ 376 h 487"/>
                <a:gd name="T6" fmla="*/ 557 w 557"/>
                <a:gd name="T7" fmla="*/ 332 h 487"/>
                <a:gd name="T8" fmla="*/ 557 w 557"/>
                <a:gd name="T9" fmla="*/ 0 h 487"/>
                <a:gd name="T10" fmla="*/ 0 w 557"/>
                <a:gd name="T11" fmla="*/ 321 h 4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57" h="487">
                  <a:moveTo>
                    <a:pt x="0" y="321"/>
                  </a:moveTo>
                  <a:cubicBezTo>
                    <a:pt x="288" y="487"/>
                    <a:pt x="288" y="487"/>
                    <a:pt x="288" y="487"/>
                  </a:cubicBezTo>
                  <a:cubicBezTo>
                    <a:pt x="315" y="443"/>
                    <a:pt x="354" y="404"/>
                    <a:pt x="403" y="376"/>
                  </a:cubicBezTo>
                  <a:cubicBezTo>
                    <a:pt x="451" y="348"/>
                    <a:pt x="504" y="334"/>
                    <a:pt x="557" y="332"/>
                  </a:cubicBezTo>
                  <a:cubicBezTo>
                    <a:pt x="557" y="0"/>
                    <a:pt x="557" y="0"/>
                    <a:pt x="557" y="0"/>
                  </a:cubicBezTo>
                  <a:cubicBezTo>
                    <a:pt x="320" y="3"/>
                    <a:pt x="114" y="131"/>
                    <a:pt x="0" y="321"/>
                  </a:cubicBezTo>
                  <a:close/>
                </a:path>
              </a:pathLst>
            </a:custGeom>
            <a:solidFill>
              <a:schemeClr val="bg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4" name="Freeform 46"/>
            <p:cNvSpPr>
              <a:spLocks/>
            </p:cNvSpPr>
            <p:nvPr/>
          </p:nvSpPr>
          <p:spPr bwMode="auto">
            <a:xfrm>
              <a:off x="6780213" y="1303338"/>
              <a:ext cx="1558925" cy="1363662"/>
            </a:xfrm>
            <a:custGeom>
              <a:avLst/>
              <a:gdLst>
                <a:gd name="T0" fmla="*/ 268 w 557"/>
                <a:gd name="T1" fmla="*/ 488 h 488"/>
                <a:gd name="T2" fmla="*/ 557 w 557"/>
                <a:gd name="T3" fmla="*/ 321 h 488"/>
                <a:gd name="T4" fmla="*/ 0 w 557"/>
                <a:gd name="T5" fmla="*/ 0 h 488"/>
                <a:gd name="T6" fmla="*/ 0 w 557"/>
                <a:gd name="T7" fmla="*/ 332 h 488"/>
                <a:gd name="T8" fmla="*/ 268 w 557"/>
                <a:gd name="T9" fmla="*/ 488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57" h="488">
                  <a:moveTo>
                    <a:pt x="268" y="488"/>
                  </a:moveTo>
                  <a:cubicBezTo>
                    <a:pt x="557" y="321"/>
                    <a:pt x="557" y="321"/>
                    <a:pt x="557" y="321"/>
                  </a:cubicBezTo>
                  <a:cubicBezTo>
                    <a:pt x="443" y="131"/>
                    <a:pt x="236" y="3"/>
                    <a:pt x="0" y="0"/>
                  </a:cubicBezTo>
                  <a:cubicBezTo>
                    <a:pt x="0" y="332"/>
                    <a:pt x="0" y="332"/>
                    <a:pt x="0" y="332"/>
                  </a:cubicBezTo>
                  <a:cubicBezTo>
                    <a:pt x="106" y="336"/>
                    <a:pt x="209" y="391"/>
                    <a:pt x="268" y="488"/>
                  </a:cubicBezTo>
                  <a:close/>
                </a:path>
              </a:pathLst>
            </a:custGeom>
            <a:solidFill>
              <a:schemeClr val="folHlink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3" name="Freeform 45"/>
            <p:cNvSpPr>
              <a:spLocks/>
            </p:cNvSpPr>
            <p:nvPr/>
          </p:nvSpPr>
          <p:spPr bwMode="auto">
            <a:xfrm>
              <a:off x="7558088" y="2247900"/>
              <a:ext cx="1039812" cy="1798638"/>
            </a:xfrm>
            <a:custGeom>
              <a:avLst/>
              <a:gdLst>
                <a:gd name="T0" fmla="*/ 289 w 372"/>
                <a:gd name="T1" fmla="*/ 0 h 643"/>
                <a:gd name="T2" fmla="*/ 0 w 372"/>
                <a:gd name="T3" fmla="*/ 167 h 643"/>
                <a:gd name="T4" fmla="*/ 0 w 372"/>
                <a:gd name="T5" fmla="*/ 477 h 643"/>
                <a:gd name="T6" fmla="*/ 289 w 372"/>
                <a:gd name="T7" fmla="*/ 643 h 643"/>
                <a:gd name="T8" fmla="*/ 372 w 372"/>
                <a:gd name="T9" fmla="*/ 322 h 643"/>
                <a:gd name="T10" fmla="*/ 289 w 372"/>
                <a:gd name="T11" fmla="*/ 0 h 6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372" h="643">
                  <a:moveTo>
                    <a:pt x="289" y="0"/>
                  </a:moveTo>
                  <a:cubicBezTo>
                    <a:pt x="0" y="167"/>
                    <a:pt x="0" y="167"/>
                    <a:pt x="0" y="167"/>
                  </a:cubicBezTo>
                  <a:cubicBezTo>
                    <a:pt x="54" y="267"/>
                    <a:pt x="51" y="383"/>
                    <a:pt x="0" y="477"/>
                  </a:cubicBezTo>
                  <a:cubicBezTo>
                    <a:pt x="289" y="643"/>
                    <a:pt x="289" y="643"/>
                    <a:pt x="289" y="643"/>
                  </a:cubicBezTo>
                  <a:cubicBezTo>
                    <a:pt x="342" y="548"/>
                    <a:pt x="372" y="439"/>
                    <a:pt x="372" y="322"/>
                  </a:cubicBezTo>
                  <a:cubicBezTo>
                    <a:pt x="372" y="205"/>
                    <a:pt x="342" y="96"/>
                    <a:pt x="289" y="0"/>
                  </a:cubicBezTo>
                  <a:close/>
                </a:path>
              </a:pathLst>
            </a:custGeom>
            <a:solidFill>
              <a:schemeClr val="hlink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6" name="Freeform 48"/>
            <p:cNvSpPr>
              <a:spLocks/>
            </p:cNvSpPr>
            <p:nvPr/>
          </p:nvSpPr>
          <p:spPr bwMode="auto">
            <a:xfrm>
              <a:off x="6780213" y="3630613"/>
              <a:ext cx="1558925" cy="1363662"/>
            </a:xfrm>
            <a:custGeom>
              <a:avLst/>
              <a:gdLst>
                <a:gd name="T0" fmla="*/ 154 w 557"/>
                <a:gd name="T1" fmla="*/ 112 h 488"/>
                <a:gd name="T2" fmla="*/ 0 w 557"/>
                <a:gd name="T3" fmla="*/ 156 h 488"/>
                <a:gd name="T4" fmla="*/ 0 w 557"/>
                <a:gd name="T5" fmla="*/ 488 h 488"/>
                <a:gd name="T6" fmla="*/ 557 w 557"/>
                <a:gd name="T7" fmla="*/ 167 h 488"/>
                <a:gd name="T8" fmla="*/ 268 w 557"/>
                <a:gd name="T9" fmla="*/ 0 h 488"/>
                <a:gd name="T10" fmla="*/ 154 w 557"/>
                <a:gd name="T11" fmla="*/ 112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57" h="488">
                  <a:moveTo>
                    <a:pt x="154" y="112"/>
                  </a:moveTo>
                  <a:cubicBezTo>
                    <a:pt x="105" y="140"/>
                    <a:pt x="52" y="154"/>
                    <a:pt x="0" y="156"/>
                  </a:cubicBezTo>
                  <a:cubicBezTo>
                    <a:pt x="0" y="488"/>
                    <a:pt x="0" y="488"/>
                    <a:pt x="0" y="488"/>
                  </a:cubicBezTo>
                  <a:cubicBezTo>
                    <a:pt x="236" y="485"/>
                    <a:pt x="443" y="357"/>
                    <a:pt x="557" y="167"/>
                  </a:cubicBezTo>
                  <a:cubicBezTo>
                    <a:pt x="268" y="0"/>
                    <a:pt x="268" y="0"/>
                    <a:pt x="268" y="0"/>
                  </a:cubicBezTo>
                  <a:cubicBezTo>
                    <a:pt x="241" y="45"/>
                    <a:pt x="202" y="84"/>
                    <a:pt x="154" y="112"/>
                  </a:cubicBezTo>
                  <a:close/>
                </a:path>
              </a:pathLst>
            </a:custGeom>
            <a:solidFill>
              <a:schemeClr val="accent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63" name="Oval 55"/>
            <p:cNvSpPr>
              <a:spLocks noChangeArrowheads="1"/>
            </p:cNvSpPr>
            <p:nvPr/>
          </p:nvSpPr>
          <p:spPr bwMode="auto">
            <a:xfrm>
              <a:off x="5991225" y="2381250"/>
              <a:ext cx="1533525" cy="153352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lIns="0" rIns="0" anchor="ctr"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64" name="Rectangle 56"/>
            <p:cNvSpPr>
              <a:spLocks noChangeArrowheads="1"/>
            </p:cNvSpPr>
            <p:nvPr/>
          </p:nvSpPr>
          <p:spPr bwMode="auto">
            <a:xfrm>
              <a:off x="6163909" y="2941638"/>
              <a:ext cx="1184940" cy="369332"/>
            </a:xfrm>
            <a:prstGeom prst="rect">
              <a:avLst/>
            </a:prstGeom>
            <a:noFill/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12700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de-DE" b="1">
                  <a:solidFill>
                    <a:schemeClr val="bg1"/>
                  </a:solidFill>
                  <a:latin typeface="Arial" charset="0"/>
                </a:rPr>
                <a:t>Nội dung</a:t>
              </a:r>
            </a:p>
          </p:txBody>
        </p:sp>
      </p:grpSp>
      <p:sp>
        <p:nvSpPr>
          <p:cNvPr id="15" name="Rectangle 3"/>
          <p:cNvSpPr txBox="1">
            <a:spLocks noChangeArrowheads="1"/>
          </p:cNvSpPr>
          <p:nvPr/>
        </p:nvSpPr>
        <p:spPr>
          <a:xfrm>
            <a:off x="407988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Rectangle 12"/>
          <p:cNvSpPr>
            <a:spLocks noChangeArrowheads="1"/>
          </p:cNvSpPr>
          <p:nvPr/>
        </p:nvSpPr>
        <p:spPr bwMode="auto">
          <a:xfrm>
            <a:off x="4981575" y="2019300"/>
            <a:ext cx="3452813" cy="2300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ay thế hình ảnh giả này bằng hình ảnh của Bạ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</p:txBody>
      </p:sp>
      <p:sp>
        <p:nvSpPr>
          <p:cNvPr id="8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7173" name="Picture 25" descr="C:\Users\Administrator\Desktop\imath-icon1 (1).pn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008063" y="1601788"/>
            <a:ext cx="3157537" cy="3135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4"/>
          <p:cNvSpPr>
            <a:spLocks noChangeArrowheads="1"/>
          </p:cNvSpPr>
          <p:nvPr/>
        </p:nvSpPr>
        <p:spPr bwMode="auto">
          <a:xfrm>
            <a:off x="606425" y="1873250"/>
            <a:ext cx="3419475" cy="2439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 anchor="ctr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Đây là nội dung giả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Click 2 lần vào biểu đồ đề thay đổi số liệu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hú thích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nội dung</a:t>
            </a:r>
          </a:p>
        </p:txBody>
      </p:sp>
      <p:graphicFrame>
        <p:nvGraphicFramePr>
          <p:cNvPr id="8195" name="Object 11"/>
          <p:cNvGraphicFramePr>
            <a:graphicFrameLocks noChangeAspect="1"/>
          </p:cNvGraphicFramePr>
          <p:nvPr/>
        </p:nvGraphicFramePr>
        <p:xfrm>
          <a:off x="3975100" y="917575"/>
          <a:ext cx="4838700" cy="4451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99" r:id="rId5" imgW="4840644" imgH="4450466" progId="Excel.Chart.8">
                  <p:embed/>
                </p:oleObj>
              </mc:Choice>
              <mc:Fallback>
                <p:oleObj r:id="rId5" imgW="4840644" imgH="4450466" progId="Excel.Chart.8">
                  <p:embed/>
                  <p:pic>
                    <p:nvPicPr>
                      <p:cNvPr id="0" name="Object 1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975100" y="917575"/>
                        <a:ext cx="4838700" cy="44513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2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2179638" y="2308225"/>
            <a:ext cx="4735512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algn="ctr" eaLnBrk="1" hangingPunct="1">
              <a:buClr>
                <a:srgbClr val="9EBEA9"/>
              </a:buClr>
              <a:buFont typeface="Wingdings" pitchFamily="2" charset="2"/>
              <a:buNone/>
              <a:defRPr/>
            </a:pPr>
            <a:r>
              <a:rPr lang="en-US" sz="4800" b="1" i="1" kern="0" smtClean="0">
                <a:solidFill>
                  <a:srgbClr val="B1B9B3">
                    <a:lumMod val="20000"/>
                    <a:lumOff val="80000"/>
                  </a:srgbClr>
                </a:solidFill>
              </a:rPr>
              <a:t>"CẢM ƠN"</a:t>
            </a:r>
            <a:endParaRPr lang="en-US" sz="4800" b="1" i="1" kern="0">
              <a:solidFill>
                <a:srgbClr val="B1B9B3">
                  <a:lumMod val="20000"/>
                  <a:lumOff val="80000"/>
                </a:srgbClr>
              </a:solidFill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3170351" y="2959100"/>
            <a:ext cx="275408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>
                    <a:lumMod val="60000"/>
                    <a:lumOff val="40000"/>
                  </a:schemeClr>
                </a:solidFill>
              </a:rPr>
              <a:t>http://blogcongdong.com</a:t>
            </a:r>
            <a:endParaRPr lang="en-US" dirty="0">
              <a:solidFill>
                <a:schemeClr val="bg1">
                  <a:lumMod val="60000"/>
                  <a:lumOff val="4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2">
      <a:dk1>
        <a:srgbClr val="000000"/>
      </a:dk1>
      <a:lt1>
        <a:srgbClr val="254430"/>
      </a:lt1>
      <a:dk2>
        <a:srgbClr val="F49B17"/>
      </a:dk2>
      <a:lt2>
        <a:srgbClr val="B5412C"/>
      </a:lt2>
      <a:accent1>
        <a:srgbClr val="496954"/>
      </a:accent1>
      <a:accent2>
        <a:srgbClr val="658570"/>
      </a:accent2>
      <a:accent3>
        <a:srgbClr val="ACB0AD"/>
      </a:accent3>
      <a:accent4>
        <a:srgbClr val="000000"/>
      </a:accent4>
      <a:accent5>
        <a:srgbClr val="B1B9B3"/>
      </a:accent5>
      <a:accent6>
        <a:srgbClr val="5B7865"/>
      </a:accent6>
      <a:hlink>
        <a:srgbClr val="9EBEA9"/>
      </a:hlink>
      <a:folHlink>
        <a:srgbClr val="CAEAD5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FFFFFF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design 2">
        <a:dk1>
          <a:srgbClr val="000000"/>
        </a:dk1>
        <a:lt1>
          <a:srgbClr val="254430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ACB0AD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48</TotalTime>
  <Words>176</Words>
  <Application>Microsoft Office PowerPoint</Application>
  <PresentationFormat>On-screen Show (4:3)</PresentationFormat>
  <Paragraphs>49</Paragraphs>
  <Slides>7</Slides>
  <Notes>5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3" baseType="lpstr">
      <vt:lpstr>Arial</vt:lpstr>
      <vt:lpstr>Franklin Gothic Medium Cond</vt:lpstr>
      <vt:lpstr>Webdings</vt:lpstr>
      <vt:lpstr>Wingdings</vt:lpstr>
      <vt:lpstr>Standarddesign</vt:lpstr>
      <vt:lpstr>Microsoft Excel Chart</vt:lpstr>
      <vt:lpstr>PowerPoint Presentation</vt:lpstr>
      <vt:lpstr>PowerPoint Presentation</vt:lpstr>
      <vt:lpstr>Dòng chảy quá trình</vt:lpstr>
      <vt:lpstr>PowerPoint Presentation</vt:lpstr>
      <vt:lpstr>PowerPoint Presentation</vt:lpstr>
      <vt:lpstr>PowerPoint Presentation</vt:lpstr>
      <vt:lpstr>PowerPoint Presentation</vt:lpstr>
    </vt:vector>
  </TitlesOfParts>
  <Company>PresentationPoint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Green chalkboard</dc:title>
  <dc:creator>PresentationPoint</dc:creator>
  <cp:lastModifiedBy>Anh Hung Pro</cp:lastModifiedBy>
  <cp:revision>534</cp:revision>
  <cp:lastPrinted>2005-03-15T07:48:11Z</cp:lastPrinted>
  <dcterms:created xsi:type="dcterms:W3CDTF">2004-11-16T16:03:16Z</dcterms:created>
  <dcterms:modified xsi:type="dcterms:W3CDTF">2016-09-08T15:00:5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PPL_Language">
    <vt:i4>1031</vt:i4>
  </property>
</Properties>
</file>